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xl/drawings/drawing25.xml" ContentType="application/vnd.openxmlformats-officedocument.drawing+xml"/>
  <Override PartName="/xl/drawings/drawing26.xml" ContentType="application/vnd.openxmlformats-officedocument.drawing+xml"/>
  <Override PartName="/xl/drawings/drawing27.xml" ContentType="application/vnd.openxmlformats-officedocument.drawing+xml"/>
  <Override PartName="/xl/drawings/drawing28.xml" ContentType="application/vnd.openxmlformats-officedocument.drawing+xml"/>
  <Override PartName="/xl/drawings/drawing29.xml" ContentType="application/vnd.openxmlformats-officedocument.drawing+xml"/>
  <Override PartName="/xl/drawings/drawing30.xml" ContentType="application/vnd.openxmlformats-officedocument.drawing+xml"/>
  <Override PartName="/xl/drawings/drawing3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9400\common\収支担当\R7年分\01_手引き作成・ＨＰ作成\ＨＰ作成\添付ファイル\"/>
    </mc:Choice>
  </mc:AlternateContent>
  <xr:revisionPtr revIDLastSave="0" documentId="8_{C807FCFE-56F2-43CE-A3E5-8A4E5F995FBA}" xr6:coauthVersionLast="47" xr6:coauthVersionMax="47" xr10:uidLastSave="{00000000-0000-0000-0000-000000000000}"/>
  <bookViews>
    <workbookView xWindow="-28920" yWindow="-1830" windowWidth="29040" windowHeight="15720" tabRatio="946" activeTab="30" xr2:uid="{00000000-000D-0000-FFFF-FFFF00000000}"/>
  </bookViews>
  <sheets>
    <sheet name="1" sheetId="1" r:id="rId1"/>
    <sheet name="2" sheetId="2" r:id="rId2"/>
    <sheet name="3" sheetId="3" r:id="rId3"/>
    <sheet name="4" sheetId="4" r:id="rId4"/>
    <sheet name="5" sheetId="5" r:id="rId5"/>
    <sheet name="6" sheetId="6" r:id="rId6"/>
    <sheet name="7" sheetId="7" r:id="rId7"/>
    <sheet name="8" sheetId="8" r:id="rId8"/>
    <sheet name="9" sheetId="9" r:id="rId9"/>
    <sheet name="10" sheetId="53" r:id="rId10"/>
    <sheet name="11" sheetId="11" r:id="rId11"/>
    <sheet name="12" sheetId="12" r:id="rId12"/>
    <sheet name="13" sheetId="13" r:id="rId13"/>
    <sheet name="14 " sheetId="57" r:id="rId14"/>
    <sheet name="15  " sheetId="58" r:id="rId15"/>
    <sheet name="16" sheetId="16" r:id="rId16"/>
    <sheet name="17" sheetId="18" r:id="rId17"/>
    <sheet name="18(1)" sheetId="17" r:id="rId18"/>
    <sheet name="18(2)" sheetId="21" r:id="rId19"/>
    <sheet name="18(3)" sheetId="22" r:id="rId20"/>
    <sheet name="18(4)" sheetId="23" r:id="rId21"/>
    <sheet name="18(5)" sheetId="24" r:id="rId22"/>
    <sheet name="18(6)" sheetId="48" r:id="rId23"/>
    <sheet name="18(7)" sheetId="41" r:id="rId24"/>
    <sheet name="18(8)" sheetId="42" r:id="rId25"/>
    <sheet name="18(9)" sheetId="43" r:id="rId26"/>
    <sheet name="18(10)" sheetId="44" r:id="rId27"/>
    <sheet name="18(11)" sheetId="49" r:id="rId28"/>
    <sheet name="18(12)" sheetId="50" r:id="rId29"/>
    <sheet name="19 " sheetId="59" r:id="rId30"/>
    <sheet name="20" sheetId="60" r:id="rId31"/>
    <sheet name="徴難明細" sheetId="51" r:id="rId32"/>
    <sheet name="振込明細" sheetId="54" r:id="rId33"/>
  </sheets>
  <definedNames>
    <definedName name="_xlnm.Print_Area" localSheetId="0">'1'!$A$1:$Q$34</definedName>
    <definedName name="_xlnm.Print_Area" localSheetId="13">'14 '!$A$1:$P$21</definedName>
    <definedName name="_xlnm.Print_Area" localSheetId="14">'15  '!$A$1:$R$22</definedName>
    <definedName name="_xlnm.Print_Area" localSheetId="18">'18(2)'!$A$1:$Z$18</definedName>
    <definedName name="_xlnm.Print_Area" localSheetId="24">'18(8)'!$A$1:$T$19</definedName>
    <definedName name="_xlnm.Print_Area" localSheetId="30">'20'!$A$1:$J$23</definedName>
    <definedName name="_xlnm.Print_Area" localSheetId="2">'3'!$A$1:$P$19</definedName>
    <definedName name="_xlnm.Print_Area" localSheetId="3">'4'!$A$1:$M$19</definedName>
    <definedName name="_xlnm.Print_Area" localSheetId="5">'6'!$A$1:$M$20</definedName>
    <definedName name="_xlnm.Print_Area" localSheetId="6">'7'!$A$1:$Q$20</definedName>
    <definedName name="_xlnm.Print_Area" localSheetId="32">振込明細!$A$1:$D$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126" uniqueCount="402">
  <si>
    <t>ク</t>
    <phoneticPr fontId="2"/>
  </si>
  <si>
    <t>出資による権利</t>
    <rPh sb="0" eb="2">
      <t>シュッシ</t>
    </rPh>
    <rPh sb="5" eb="7">
      <t>ケンリ</t>
    </rPh>
    <phoneticPr fontId="2"/>
  </si>
  <si>
    <t>出資年月日</t>
    <rPh sb="0" eb="2">
      <t>シュッシ</t>
    </rPh>
    <rPh sb="2" eb="5">
      <t>ネンガッピ</t>
    </rPh>
    <phoneticPr fontId="4"/>
  </si>
  <si>
    <t>ケ</t>
    <phoneticPr fontId="2"/>
  </si>
  <si>
    <t>貸付先ごとの残高が100万円を超える貸付金</t>
    <rPh sb="0" eb="3">
      <t>カシツケサキ</t>
    </rPh>
    <rPh sb="6" eb="8">
      <t>ザンダカ</t>
    </rPh>
    <rPh sb="12" eb="14">
      <t>マンエン</t>
    </rPh>
    <rPh sb="15" eb="16">
      <t>コ</t>
    </rPh>
    <rPh sb="18" eb="21">
      <t>カシツケキン</t>
    </rPh>
    <phoneticPr fontId="2"/>
  </si>
  <si>
    <t>支払年月日</t>
    <rPh sb="0" eb="2">
      <t>シハラ</t>
    </rPh>
    <rPh sb="2" eb="5">
      <t>ネンガッピ</t>
    </rPh>
    <phoneticPr fontId="4"/>
  </si>
  <si>
    <t>コ</t>
    <phoneticPr fontId="2"/>
  </si>
  <si>
    <t>支払われた金額が100万円を超える敷金</t>
    <rPh sb="0" eb="2">
      <t>シハラ</t>
    </rPh>
    <rPh sb="5" eb="7">
      <t>キンガク</t>
    </rPh>
    <rPh sb="11" eb="13">
      <t>マンエン</t>
    </rPh>
    <rPh sb="14" eb="15">
      <t>コ</t>
    </rPh>
    <rPh sb="17" eb="19">
      <t>シキキン</t>
    </rPh>
    <phoneticPr fontId="2"/>
  </si>
  <si>
    <t>サ</t>
    <phoneticPr fontId="2"/>
  </si>
  <si>
    <t>取得の価額が100万円を超える施設の利用に関する権利</t>
    <rPh sb="0" eb="2">
      <t>シュトク</t>
    </rPh>
    <rPh sb="3" eb="5">
      <t>カガク</t>
    </rPh>
    <rPh sb="9" eb="11">
      <t>マンエン</t>
    </rPh>
    <rPh sb="12" eb="13">
      <t>コ</t>
    </rPh>
    <rPh sb="15" eb="17">
      <t>シセツ</t>
    </rPh>
    <rPh sb="18" eb="20">
      <t>リヨウ</t>
    </rPh>
    <rPh sb="21" eb="22">
      <t>カン</t>
    </rPh>
    <rPh sb="24" eb="26">
      <t>ケンリ</t>
    </rPh>
    <phoneticPr fontId="2"/>
  </si>
  <si>
    <t>シ</t>
    <phoneticPr fontId="2"/>
  </si>
  <si>
    <t>借入先ごとの残高が100万円を超える借入金</t>
    <rPh sb="0" eb="3">
      <t>カリイレサキ</t>
    </rPh>
    <rPh sb="6" eb="8">
      <t>ザンダカ</t>
    </rPh>
    <rPh sb="12" eb="14">
      <t>マンエン</t>
    </rPh>
    <rPh sb="15" eb="16">
      <t>コ</t>
    </rPh>
    <rPh sb="18" eb="21">
      <t>カリイレキン</t>
    </rPh>
    <phoneticPr fontId="2"/>
  </si>
  <si>
    <r>
      <t>0</t>
    </r>
    <r>
      <rPr>
        <sz val="12"/>
        <rFont val="ＭＳ 明朝"/>
        <family val="1"/>
        <charset val="128"/>
      </rPr>
      <t>2</t>
    </r>
    <phoneticPr fontId="2"/>
  </si>
  <si>
    <t>03</t>
    <phoneticPr fontId="2"/>
  </si>
  <si>
    <t>04</t>
    <phoneticPr fontId="2"/>
  </si>
  <si>
    <t>用　　途</t>
    <rPh sb="0" eb="1">
      <t>ヨウ</t>
    </rPh>
    <rPh sb="3" eb="4">
      <t>ト</t>
    </rPh>
    <phoneticPr fontId="2"/>
  </si>
  <si>
    <t>使用者ごとの用途</t>
    <rPh sb="0" eb="3">
      <t>シヨウシャ</t>
    </rPh>
    <rPh sb="6" eb="8">
      <t>ヨウト</t>
    </rPh>
    <phoneticPr fontId="2"/>
  </si>
  <si>
    <t>　　不 動 産 の 内 訳</t>
    <rPh sb="2" eb="3">
      <t>フ</t>
    </rPh>
    <rPh sb="4" eb="5">
      <t>ドウ</t>
    </rPh>
    <rPh sb="6" eb="7">
      <t>サン</t>
    </rPh>
    <rPh sb="10" eb="11">
      <t>ナイ</t>
    </rPh>
    <rPh sb="12" eb="13">
      <t>ヤク</t>
    </rPh>
    <phoneticPr fontId="4"/>
  </si>
  <si>
    <t>使用者ごとの使用面積</t>
    <rPh sb="0" eb="3">
      <t>シヨウシャ</t>
    </rPh>
    <rPh sb="6" eb="8">
      <t>シヨウ</t>
    </rPh>
    <rPh sb="8" eb="10">
      <t>メンセキ</t>
    </rPh>
    <phoneticPr fontId="2"/>
  </si>
  <si>
    <t>利　　　用　　　の　　　現　　　況</t>
    <rPh sb="0" eb="1">
      <t>リ</t>
    </rPh>
    <rPh sb="4" eb="5">
      <t>ヨウ</t>
    </rPh>
    <rPh sb="12" eb="13">
      <t>ウツツ</t>
    </rPh>
    <rPh sb="16" eb="17">
      <t>キョウ</t>
    </rPh>
    <phoneticPr fontId="2"/>
  </si>
  <si>
    <t>　使用者ごとの使用の
　対価の価額</t>
    <rPh sb="1" eb="4">
      <t>シヨウシャ</t>
    </rPh>
    <rPh sb="7" eb="9">
      <t>シヨウ</t>
    </rPh>
    <rPh sb="12" eb="14">
      <t>タイカ</t>
    </rPh>
    <rPh sb="15" eb="17">
      <t>カガク</t>
    </rPh>
    <phoneticPr fontId="4"/>
  </si>
  <si>
    <t>事 務 所 以 外 の 用 に 供 し て い る 場 合</t>
    <rPh sb="0" eb="1">
      <t>コト</t>
    </rPh>
    <rPh sb="2" eb="3">
      <t>ツトム</t>
    </rPh>
    <rPh sb="4" eb="5">
      <t>ショ</t>
    </rPh>
    <rPh sb="6" eb="7">
      <t>イ</t>
    </rPh>
    <rPh sb="8" eb="9">
      <t>ガイ</t>
    </rPh>
    <rPh sb="12" eb="13">
      <t>ヨウ</t>
    </rPh>
    <rPh sb="16" eb="17">
      <t>キョウ</t>
    </rPh>
    <rPh sb="26" eb="27">
      <t>バ</t>
    </rPh>
    <rPh sb="28" eb="29">
      <t>ゴウ</t>
    </rPh>
    <phoneticPr fontId="2"/>
  </si>
  <si>
    <t>　領収書等の写し</t>
    <rPh sb="1" eb="4">
      <t>リョウシュウショ</t>
    </rPh>
    <rPh sb="4" eb="5">
      <t>トウ</t>
    </rPh>
    <rPh sb="6" eb="7">
      <t>ウツ</t>
    </rPh>
    <phoneticPr fontId="2"/>
  </si>
  <si>
    <t>　この報告書は、政治資金規正法に従って作成したものであって、真実に相違ありません。</t>
    <rPh sb="3" eb="6">
      <t>ホウコクショ</t>
    </rPh>
    <rPh sb="8" eb="10">
      <t>セイジ</t>
    </rPh>
    <rPh sb="10" eb="12">
      <t>シキン</t>
    </rPh>
    <rPh sb="12" eb="15">
      <t>キセイホウ</t>
    </rPh>
    <rPh sb="16" eb="17">
      <t>シタガ</t>
    </rPh>
    <rPh sb="19" eb="21">
      <t>サクセイ</t>
    </rPh>
    <rPh sb="30" eb="32">
      <t>シンジツ</t>
    </rPh>
    <rPh sb="33" eb="35">
      <t>ソウイ</t>
    </rPh>
    <phoneticPr fontId="2"/>
  </si>
  <si>
    <t>&lt;解散の場合のみ&gt;</t>
    <rPh sb="1" eb="3">
      <t>カイサン</t>
    </rPh>
    <rPh sb="4" eb="6">
      <t>バアイ</t>
    </rPh>
    <phoneticPr fontId="2"/>
  </si>
  <si>
    <t>添 付 書 類（別添のとおり）</t>
    <rPh sb="0" eb="1">
      <t>ソウ</t>
    </rPh>
    <rPh sb="2" eb="3">
      <t>ヅケ</t>
    </rPh>
    <rPh sb="4" eb="5">
      <t>ショ</t>
    </rPh>
    <rPh sb="6" eb="7">
      <t>タグイ</t>
    </rPh>
    <rPh sb="8" eb="10">
      <t>ベッテン</t>
    </rPh>
    <phoneticPr fontId="2"/>
  </si>
  <si>
    <t>年月日</t>
    <phoneticPr fontId="2"/>
  </si>
  <si>
    <t>領収書等を徴し難かった支出の明細書</t>
    <rPh sb="11" eb="13">
      <t>シシュツ</t>
    </rPh>
    <rPh sb="14" eb="17">
      <t>メイサイショ</t>
    </rPh>
    <phoneticPr fontId="2"/>
  </si>
  <si>
    <t>細目別区分</t>
    <rPh sb="0" eb="2">
      <t>サイモク</t>
    </rPh>
    <rPh sb="2" eb="3">
      <t>ベツ</t>
    </rPh>
    <rPh sb="3" eb="5">
      <t>クブン</t>
    </rPh>
    <phoneticPr fontId="2"/>
  </si>
  <si>
    <t>支出の目的</t>
    <rPh sb="0" eb="2">
      <t>シシュツ</t>
    </rPh>
    <rPh sb="3" eb="5">
      <t>モクテキ</t>
    </rPh>
    <phoneticPr fontId="4"/>
  </si>
  <si>
    <t>振込明細書に係る支出目的書</t>
    <rPh sb="0" eb="2">
      <t>フリコミ</t>
    </rPh>
    <rPh sb="2" eb="5">
      <t>メイサイショ</t>
    </rPh>
    <rPh sb="6" eb="7">
      <t>カカ</t>
    </rPh>
    <rPh sb="8" eb="10">
      <t>シシュツ</t>
    </rPh>
    <rPh sb="10" eb="12">
      <t>モクテキ</t>
    </rPh>
    <rPh sb="12" eb="13">
      <t>ショ</t>
    </rPh>
    <phoneticPr fontId="2"/>
  </si>
  <si>
    <t>年　月　日</t>
    <rPh sb="2" eb="3">
      <t>ゲツ</t>
    </rPh>
    <rPh sb="4" eb="5">
      <t>ニチ</t>
    </rPh>
    <phoneticPr fontId="4"/>
  </si>
  <si>
    <t>(6) その他の収入</t>
    <rPh sb="4" eb="7">
      <t>ソノタ</t>
    </rPh>
    <rPh sb="8" eb="10">
      <t>シュウニュウ</t>
    </rPh>
    <phoneticPr fontId="4"/>
  </si>
  <si>
    <t>(5) 本部又は支部から供与された交付金に係る収入</t>
    <rPh sb="4" eb="6">
      <t>ホンブ</t>
    </rPh>
    <rPh sb="6" eb="7">
      <t>マタ</t>
    </rPh>
    <rPh sb="8" eb="10">
      <t>シブ</t>
    </rPh>
    <rPh sb="12" eb="14">
      <t>キョウヨ</t>
    </rPh>
    <rPh sb="17" eb="20">
      <t>コウフキン</t>
    </rPh>
    <rPh sb="21" eb="22">
      <t>カカ</t>
    </rPh>
    <rPh sb="23" eb="25">
      <t>シュウニュウ</t>
    </rPh>
    <phoneticPr fontId="4"/>
  </si>
  <si>
    <t>摘　　　　　　要</t>
    <rPh sb="0" eb="1">
      <t>テキ</t>
    </rPh>
    <rPh sb="7" eb="8">
      <t>ヨウ</t>
    </rPh>
    <phoneticPr fontId="4"/>
  </si>
  <si>
    <t>１　収支の総括表</t>
    <rPh sb="2" eb="4">
      <t>シュウシ</t>
    </rPh>
    <rPh sb="5" eb="7">
      <t>ソウカツ</t>
    </rPh>
    <rPh sb="7" eb="8">
      <t>ヒョウ</t>
    </rPh>
    <phoneticPr fontId="4"/>
  </si>
  <si>
    <t>２　収入項目別金額の内訳</t>
    <rPh sb="2" eb="4">
      <t>シュウニュウ</t>
    </rPh>
    <rPh sb="4" eb="7">
      <t>コウモクベツ</t>
    </rPh>
    <rPh sb="7" eb="9">
      <t>キンガク</t>
    </rPh>
    <rPh sb="10" eb="11">
      <t>ナイ</t>
    </rPh>
    <rPh sb="11" eb="12">
      <t>ヤク</t>
    </rPh>
    <phoneticPr fontId="4"/>
  </si>
  <si>
    <t xml:space="preserve"> ア　寄附(イを除く。)の区分</t>
    <rPh sb="3" eb="5">
      <t>キフ</t>
    </rPh>
    <rPh sb="8" eb="9">
      <t>ノゾ</t>
    </rPh>
    <rPh sb="13" eb="15">
      <t>クブン</t>
    </rPh>
    <phoneticPr fontId="4"/>
  </si>
  <si>
    <t>金　　　　　　　額</t>
  </si>
  <si>
    <t>備　　　　　　　考</t>
    <rPh sb="0" eb="9">
      <t>ビコウ</t>
    </rPh>
    <phoneticPr fontId="4"/>
  </si>
  <si>
    <t/>
  </si>
  <si>
    <t>事　業　の　種　類</t>
    <rPh sb="0" eb="3">
      <t>ジギョウ</t>
    </rPh>
    <rPh sb="6" eb="9">
      <t>シュルイ</t>
    </rPh>
    <phoneticPr fontId="4"/>
  </si>
  <si>
    <t>借　　　入　　　先</t>
    <rPh sb="0" eb="9">
      <t>カリイレサキ</t>
    </rPh>
    <phoneticPr fontId="4"/>
  </si>
  <si>
    <t>主たる事務所の所在地</t>
    <rPh sb="0" eb="1">
      <t>シュ</t>
    </rPh>
    <rPh sb="3" eb="6">
      <t>ジムショ</t>
    </rPh>
    <rPh sb="7" eb="10">
      <t>ショザイチ</t>
    </rPh>
    <phoneticPr fontId="4"/>
  </si>
  <si>
    <t>備　　考</t>
    <rPh sb="0" eb="4">
      <t>ビコウ</t>
    </rPh>
    <phoneticPr fontId="4"/>
  </si>
  <si>
    <t>１ 件 10 万 円 未 満 の も の</t>
    <rPh sb="2" eb="3">
      <t>ケン</t>
    </rPh>
    <rPh sb="4" eb="10">
      <t>１０マンエン</t>
    </rPh>
    <rPh sb="11" eb="14">
      <t>ミマン</t>
    </rPh>
    <phoneticPr fontId="4"/>
  </si>
  <si>
    <t>金　　　　　　額</t>
    <rPh sb="0" eb="1">
      <t>キン</t>
    </rPh>
    <rPh sb="7" eb="8">
      <t>ガク</t>
    </rPh>
    <phoneticPr fontId="4"/>
  </si>
  <si>
    <t>備　　考</t>
    <rPh sb="0" eb="1">
      <t>ソナエ</t>
    </rPh>
    <rPh sb="3" eb="4">
      <t>コウ</t>
    </rPh>
    <phoneticPr fontId="4"/>
  </si>
  <si>
    <t>政党匿名寄附を受けた場所</t>
    <rPh sb="0" eb="2">
      <t>セイトウ</t>
    </rPh>
    <rPh sb="2" eb="4">
      <t>トクメイ</t>
    </rPh>
    <rPh sb="4" eb="6">
      <t>キフ</t>
    </rPh>
    <rPh sb="7" eb="8">
      <t>ウ</t>
    </rPh>
    <rPh sb="10" eb="12">
      <t>バショ</t>
    </rPh>
    <phoneticPr fontId="4"/>
  </si>
  <si>
    <t>特定パーティーの名称</t>
    <rPh sb="0" eb="2">
      <t>トクテイ</t>
    </rPh>
    <rPh sb="8" eb="10">
      <t>メイショウ</t>
    </rPh>
    <phoneticPr fontId="4"/>
  </si>
  <si>
    <t>政治資金パーティーの名称</t>
    <rPh sb="0" eb="2">
      <t>セイジ</t>
    </rPh>
    <rPh sb="2" eb="4">
      <t>シキン</t>
    </rPh>
    <rPh sb="10" eb="12">
      <t>メイショウ</t>
    </rPh>
    <phoneticPr fontId="4"/>
  </si>
  <si>
    <t>３　支出項目別金額の内訳</t>
    <rPh sb="2" eb="4">
      <t>シシュツ</t>
    </rPh>
    <rPh sb="4" eb="7">
      <t>コウモクベツ</t>
    </rPh>
    <rPh sb="7" eb="9">
      <t>キンガク</t>
    </rPh>
    <rPh sb="10" eb="11">
      <t>ナイ</t>
    </rPh>
    <rPh sb="11" eb="12">
      <t>ヤク</t>
    </rPh>
    <phoneticPr fontId="4"/>
  </si>
  <si>
    <t>項　　　　　　　目</t>
    <rPh sb="0" eb="9">
      <t>コウモク</t>
    </rPh>
    <phoneticPr fontId="4"/>
  </si>
  <si>
    <t>備　　　　　　　　　　　考</t>
    <rPh sb="0" eb="13">
      <t>ビコウ</t>
    </rPh>
    <phoneticPr fontId="4"/>
  </si>
  <si>
    <t>人件費</t>
  </si>
  <si>
    <t>光熱水費</t>
  </si>
  <si>
    <t>備品・消耗品費</t>
  </si>
  <si>
    <t>事務所費</t>
  </si>
  <si>
    <t>組織活動費</t>
  </si>
  <si>
    <t>選挙関係費</t>
  </si>
  <si>
    <t xml:space="preserve"> イ</t>
    <phoneticPr fontId="4"/>
  </si>
  <si>
    <t xml:space="preserve"> ウ</t>
    <phoneticPr fontId="4"/>
  </si>
  <si>
    <t xml:space="preserve"> エ</t>
    <phoneticPr fontId="4"/>
  </si>
  <si>
    <t>支 出 の 目 的</t>
    <rPh sb="0" eb="3">
      <t>シシュツ</t>
    </rPh>
    <rPh sb="6" eb="9">
      <t>モクテキ</t>
    </rPh>
    <phoneticPr fontId="4"/>
  </si>
  <si>
    <t>備　考</t>
    <rPh sb="0" eb="1">
      <t>ソナエ</t>
    </rPh>
    <rPh sb="2" eb="3">
      <t>コウ</t>
    </rPh>
    <phoneticPr fontId="4"/>
  </si>
  <si>
    <t>支　出　項　目</t>
    <rPh sb="0" eb="3">
      <t>シシュツ</t>
    </rPh>
    <rPh sb="4" eb="7">
      <t>コウモク</t>
    </rPh>
    <phoneticPr fontId="4"/>
  </si>
  <si>
    <t>備　　　　考</t>
    <rPh sb="0" eb="1">
      <t>ソナエ</t>
    </rPh>
    <rPh sb="5" eb="6">
      <t>コウ</t>
    </rPh>
    <phoneticPr fontId="4"/>
  </si>
  <si>
    <t>１　資産等の総括表</t>
    <rPh sb="2" eb="4">
      <t>シサン</t>
    </rPh>
    <rPh sb="4" eb="5">
      <t>トウ</t>
    </rPh>
    <rPh sb="6" eb="8">
      <t>ソウカツ</t>
    </rPh>
    <rPh sb="8" eb="9">
      <t>ヒョウ</t>
    </rPh>
    <phoneticPr fontId="4"/>
  </si>
  <si>
    <t>資　産　等　の　項　目　別　区　分</t>
    <rPh sb="0" eb="3">
      <t>シサン</t>
    </rPh>
    <rPh sb="4" eb="5">
      <t>トウ</t>
    </rPh>
    <rPh sb="8" eb="13">
      <t>コウモクベツ</t>
    </rPh>
    <rPh sb="14" eb="17">
      <t>クブン</t>
    </rPh>
    <phoneticPr fontId="4"/>
  </si>
  <si>
    <t>有</t>
    <rPh sb="0" eb="1">
      <t>ウム</t>
    </rPh>
    <phoneticPr fontId="4"/>
  </si>
  <si>
    <t>無</t>
    <rPh sb="0" eb="1">
      <t>ム</t>
    </rPh>
    <phoneticPr fontId="4"/>
  </si>
  <si>
    <t xml:space="preserve"> ア</t>
    <phoneticPr fontId="4"/>
  </si>
  <si>
    <t>建物の所有を目的とする地上権又は土地の賃借権</t>
    <rPh sb="0" eb="2">
      <t>タテモノ</t>
    </rPh>
    <rPh sb="3" eb="5">
      <t>ショユウ</t>
    </rPh>
    <rPh sb="6" eb="8">
      <t>モクテキ</t>
    </rPh>
    <rPh sb="11" eb="14">
      <t>チジョウケン</t>
    </rPh>
    <rPh sb="14" eb="15">
      <t>マタ</t>
    </rPh>
    <rPh sb="16" eb="18">
      <t>トチ</t>
    </rPh>
    <rPh sb="19" eb="22">
      <t>チンシャクケン</t>
    </rPh>
    <phoneticPr fontId="4"/>
  </si>
  <si>
    <t>取得の価額が100万円を超える動産</t>
    <rPh sb="0" eb="2">
      <t>シュトク</t>
    </rPh>
    <rPh sb="3" eb="5">
      <t>カガク</t>
    </rPh>
    <rPh sb="6" eb="11">
      <t>１００マンエン</t>
    </rPh>
    <rPh sb="12" eb="13">
      <t>コ</t>
    </rPh>
    <rPh sb="15" eb="17">
      <t>ドウサン</t>
    </rPh>
    <phoneticPr fontId="4"/>
  </si>
  <si>
    <t xml:space="preserve"> オ</t>
    <phoneticPr fontId="4"/>
  </si>
  <si>
    <t xml:space="preserve"> カ</t>
    <phoneticPr fontId="4"/>
  </si>
  <si>
    <t xml:space="preserve"> キ</t>
    <phoneticPr fontId="4"/>
  </si>
  <si>
    <t xml:space="preserve"> ク</t>
    <phoneticPr fontId="4"/>
  </si>
  <si>
    <t>出資による権利</t>
    <rPh sb="0" eb="2">
      <t>シュッシ</t>
    </rPh>
    <rPh sb="5" eb="7">
      <t>ケンリ</t>
    </rPh>
    <phoneticPr fontId="4"/>
  </si>
  <si>
    <t xml:space="preserve"> ケ</t>
    <phoneticPr fontId="4"/>
  </si>
  <si>
    <t>貸付先ごとの残高が100万円を超える貸付金</t>
    <rPh sb="0" eb="3">
      <t>カシツケサキ</t>
    </rPh>
    <rPh sb="6" eb="8">
      <t>ザンダカ</t>
    </rPh>
    <rPh sb="9" eb="14">
      <t>１００マンエン</t>
    </rPh>
    <rPh sb="15" eb="16">
      <t>コ</t>
    </rPh>
    <rPh sb="18" eb="21">
      <t>カシツケキン</t>
    </rPh>
    <phoneticPr fontId="4"/>
  </si>
  <si>
    <t xml:space="preserve"> コ</t>
    <phoneticPr fontId="4"/>
  </si>
  <si>
    <t>支払われた金額が100万円を超える敷金</t>
    <rPh sb="0" eb="2">
      <t>シハラ</t>
    </rPh>
    <rPh sb="5" eb="7">
      <t>キンガク</t>
    </rPh>
    <rPh sb="8" eb="13">
      <t>１００マンエン</t>
    </rPh>
    <rPh sb="14" eb="15">
      <t>コ</t>
    </rPh>
    <rPh sb="17" eb="19">
      <t>シキキン</t>
    </rPh>
    <phoneticPr fontId="4"/>
  </si>
  <si>
    <t xml:space="preserve"> サ</t>
    <phoneticPr fontId="4"/>
  </si>
  <si>
    <t>取得の価額が100万円を超える施設の利用に関する権利</t>
    <rPh sb="0" eb="2">
      <t>シュトク</t>
    </rPh>
    <rPh sb="3" eb="5">
      <t>カガク</t>
    </rPh>
    <rPh sb="6" eb="11">
      <t>１００マンエン</t>
    </rPh>
    <rPh sb="12" eb="13">
      <t>コ</t>
    </rPh>
    <rPh sb="15" eb="17">
      <t>シセツ</t>
    </rPh>
    <rPh sb="18" eb="20">
      <t>リヨウ</t>
    </rPh>
    <rPh sb="21" eb="22">
      <t>カン</t>
    </rPh>
    <rPh sb="24" eb="26">
      <t>ケンリ</t>
    </rPh>
    <phoneticPr fontId="4"/>
  </si>
  <si>
    <t xml:space="preserve"> シ</t>
    <phoneticPr fontId="4"/>
  </si>
  <si>
    <t>借入先ごとの残高が100万円を超える借入金</t>
    <phoneticPr fontId="4"/>
  </si>
  <si>
    <t>２　資産等の項目別内訳</t>
    <rPh sb="2" eb="4">
      <t>シサン</t>
    </rPh>
    <rPh sb="4" eb="5">
      <t>トウ</t>
    </rPh>
    <rPh sb="6" eb="8">
      <t>コウモク</t>
    </rPh>
    <rPh sb="8" eb="9">
      <t>ベツ</t>
    </rPh>
    <rPh sb="9" eb="10">
      <t>ナイ</t>
    </rPh>
    <rPh sb="10" eb="11">
      <t>ヤク</t>
    </rPh>
    <phoneticPr fontId="4"/>
  </si>
  <si>
    <t>項目別区分</t>
    <rPh sb="0" eb="2">
      <t>コウモク</t>
    </rPh>
    <rPh sb="2" eb="3">
      <t>ベツ</t>
    </rPh>
    <rPh sb="3" eb="5">
      <t>クブン</t>
    </rPh>
    <phoneticPr fontId="4"/>
  </si>
  <si>
    <t>領収書等を徴し難かった事情</t>
    <rPh sb="0" eb="3">
      <t>リョウシュウショ</t>
    </rPh>
    <rPh sb="3" eb="4">
      <t>トウ</t>
    </rPh>
    <rPh sb="5" eb="6">
      <t>チョウ</t>
    </rPh>
    <rPh sb="7" eb="8">
      <t>ガタ</t>
    </rPh>
    <rPh sb="11" eb="13">
      <t>ジジョウ</t>
    </rPh>
    <phoneticPr fontId="4"/>
  </si>
  <si>
    <t>公職の種類</t>
    <rPh sb="0" eb="2">
      <t>コウショク</t>
    </rPh>
    <rPh sb="3" eb="5">
      <t>シュルイ</t>
    </rPh>
    <phoneticPr fontId="2"/>
  </si>
  <si>
    <t>政 治 団 体 の 区 分</t>
    <rPh sb="0" eb="1">
      <t>セイ</t>
    </rPh>
    <rPh sb="2" eb="3">
      <t>オサム</t>
    </rPh>
    <rPh sb="4" eb="5">
      <t>ダン</t>
    </rPh>
    <rPh sb="6" eb="7">
      <t>カラダ</t>
    </rPh>
    <rPh sb="10" eb="11">
      <t>ク</t>
    </rPh>
    <rPh sb="12" eb="13">
      <t>ブン</t>
    </rPh>
    <phoneticPr fontId="2"/>
  </si>
  <si>
    <t>活 動 区 域 の 区 分</t>
    <rPh sb="0" eb="1">
      <t>カツ</t>
    </rPh>
    <rPh sb="2" eb="3">
      <t>ドウ</t>
    </rPh>
    <rPh sb="4" eb="5">
      <t>ク</t>
    </rPh>
    <rPh sb="6" eb="7">
      <t>イキ</t>
    </rPh>
    <rPh sb="10" eb="11">
      <t>ク</t>
    </rPh>
    <rPh sb="12" eb="13">
      <t>ブン</t>
    </rPh>
    <phoneticPr fontId="2"/>
  </si>
  <si>
    <t>*</t>
    <phoneticPr fontId="2"/>
  </si>
  <si>
    <t>政治団体の名称</t>
    <rPh sb="0" eb="2">
      <t>セイジ</t>
    </rPh>
    <rPh sb="2" eb="4">
      <t>ダンタイ</t>
    </rPh>
    <rPh sb="5" eb="7">
      <t>メイショウ</t>
    </rPh>
    <phoneticPr fontId="2"/>
  </si>
  <si>
    <t>主たる事務所の所在地</t>
    <rPh sb="0" eb="1">
      <t>シュ</t>
    </rPh>
    <rPh sb="3" eb="6">
      <t>ジムショ</t>
    </rPh>
    <rPh sb="7" eb="10">
      <t>ショザイチ</t>
    </rPh>
    <phoneticPr fontId="2"/>
  </si>
  <si>
    <t>代表者の氏名</t>
    <rPh sb="0" eb="3">
      <t>ダイヒョウシャ</t>
    </rPh>
    <rPh sb="4" eb="6">
      <t>シメイ</t>
    </rPh>
    <phoneticPr fontId="2"/>
  </si>
  <si>
    <t>会計責任者の氏名</t>
    <rPh sb="0" eb="2">
      <t>カイケイ</t>
    </rPh>
    <rPh sb="2" eb="5">
      <t>セキニンシャ</t>
    </rPh>
    <rPh sb="6" eb="8">
      <t>シメイ</t>
    </rPh>
    <phoneticPr fontId="2"/>
  </si>
  <si>
    <t>事務担当者の氏名</t>
    <rPh sb="0" eb="2">
      <t>ジム</t>
    </rPh>
    <rPh sb="2" eb="5">
      <t>タントウシャ</t>
    </rPh>
    <rPh sb="6" eb="8">
      <t>シメイ</t>
    </rPh>
    <phoneticPr fontId="2"/>
  </si>
  <si>
    <t>（その２）</t>
    <phoneticPr fontId="2"/>
  </si>
  <si>
    <t>受 付 者</t>
    <rPh sb="0" eb="1">
      <t>ウケ</t>
    </rPh>
    <rPh sb="2" eb="3">
      <t>ヅケ</t>
    </rPh>
    <rPh sb="4" eb="5">
      <t>シャ</t>
    </rPh>
    <phoneticPr fontId="2"/>
  </si>
  <si>
    <t>区 分</t>
    <rPh sb="0" eb="1">
      <t>ク</t>
    </rPh>
    <rPh sb="2" eb="3">
      <t>ブン</t>
    </rPh>
    <phoneticPr fontId="2"/>
  </si>
  <si>
    <t>(2) 寄　附</t>
    <rPh sb="4" eb="7">
      <t>キフ</t>
    </rPh>
    <phoneticPr fontId="4"/>
  </si>
  <si>
    <t>(1) 個人の負担する党費又は会費</t>
    <rPh sb="4" eb="6">
      <t>コジン</t>
    </rPh>
    <rPh sb="7" eb="9">
      <t>フタン</t>
    </rPh>
    <rPh sb="11" eb="12">
      <t>トウ</t>
    </rPh>
    <rPh sb="12" eb="13">
      <t>ヒ</t>
    </rPh>
    <rPh sb="13" eb="14">
      <t>マタ</t>
    </rPh>
    <rPh sb="15" eb="17">
      <t>カイヒ</t>
    </rPh>
    <phoneticPr fontId="4"/>
  </si>
  <si>
    <t>十億</t>
    <rPh sb="0" eb="2">
      <t>ジュウオク</t>
    </rPh>
    <phoneticPr fontId="2"/>
  </si>
  <si>
    <t>百万</t>
    <rPh sb="0" eb="2">
      <t>ヒャクマン</t>
    </rPh>
    <phoneticPr fontId="2"/>
  </si>
  <si>
    <t>（その３）</t>
    <phoneticPr fontId="2"/>
  </si>
  <si>
    <t>（その４）</t>
    <phoneticPr fontId="2"/>
  </si>
  <si>
    <t>（その５）</t>
    <phoneticPr fontId="2"/>
  </si>
  <si>
    <t>（その６）</t>
    <phoneticPr fontId="2"/>
  </si>
  <si>
    <t>（その７）</t>
    <phoneticPr fontId="2"/>
  </si>
  <si>
    <t>（その８）</t>
    <phoneticPr fontId="2"/>
  </si>
  <si>
    <t>（その９）</t>
    <phoneticPr fontId="2"/>
  </si>
  <si>
    <t>（その10）</t>
    <phoneticPr fontId="2"/>
  </si>
  <si>
    <t>（その11）</t>
    <phoneticPr fontId="2"/>
  </si>
  <si>
    <t>（その12）</t>
    <phoneticPr fontId="2"/>
  </si>
  <si>
    <t>（その14）</t>
    <phoneticPr fontId="2"/>
  </si>
  <si>
    <t>01</t>
    <phoneticPr fontId="2"/>
  </si>
  <si>
    <t>02</t>
    <phoneticPr fontId="2"/>
  </si>
  <si>
    <t>03</t>
  </si>
  <si>
    <t>03</t>
    <phoneticPr fontId="2"/>
  </si>
  <si>
    <t>04</t>
  </si>
  <si>
    <t>04</t>
    <phoneticPr fontId="2"/>
  </si>
  <si>
    <t>05</t>
  </si>
  <si>
    <t>05</t>
    <phoneticPr fontId="2"/>
  </si>
  <si>
    <t>06</t>
  </si>
  <si>
    <t>06</t>
    <phoneticPr fontId="2"/>
  </si>
  <si>
    <t>07</t>
  </si>
  <si>
    <t>07</t>
    <phoneticPr fontId="2"/>
  </si>
  <si>
    <t>08</t>
  </si>
  <si>
    <t>08</t>
    <phoneticPr fontId="2"/>
  </si>
  <si>
    <t>09</t>
  </si>
  <si>
    <t>09</t>
    <phoneticPr fontId="2"/>
  </si>
  <si>
    <t>10</t>
  </si>
  <si>
    <t>11</t>
  </si>
  <si>
    <t>12</t>
  </si>
  <si>
    <t>13</t>
  </si>
  <si>
    <t>14</t>
    <phoneticPr fontId="2"/>
  </si>
  <si>
    <t>15</t>
    <phoneticPr fontId="2"/>
  </si>
  <si>
    <t>02</t>
    <phoneticPr fontId="2"/>
  </si>
  <si>
    <t>合　　　　　計</t>
    <rPh sb="0" eb="1">
      <t>ゴウ</t>
    </rPh>
    <rPh sb="6" eb="7">
      <t>ケイ</t>
    </rPh>
    <phoneticPr fontId="4"/>
  </si>
  <si>
    <t>(4) 借　入　金</t>
    <rPh sb="4" eb="9">
      <t>カリイレキン</t>
    </rPh>
    <phoneticPr fontId="4"/>
  </si>
  <si>
    <t>(3) 機関紙誌の発行その他の事業による収入</t>
    <rPh sb="4" eb="7">
      <t>キカンシ</t>
    </rPh>
    <rPh sb="7" eb="8">
      <t>シ</t>
    </rPh>
    <rPh sb="9" eb="11">
      <t>ハッコウ</t>
    </rPh>
    <rPh sb="11" eb="14">
      <t>ソノタ</t>
    </rPh>
    <rPh sb="15" eb="17">
      <t>ジギョウ</t>
    </rPh>
    <rPh sb="20" eb="22">
      <t>シュウニュウ</t>
    </rPh>
    <phoneticPr fontId="4"/>
  </si>
  <si>
    <t>備　　　　　　考</t>
    <rPh sb="0" eb="1">
      <t>ソナエ</t>
    </rPh>
    <rPh sb="7" eb="8">
      <t>コウ</t>
    </rPh>
    <phoneticPr fontId="4"/>
  </si>
  <si>
    <t>･　･</t>
    <phoneticPr fontId="2"/>
  </si>
  <si>
    <t>年 月 日</t>
    <phoneticPr fontId="2"/>
  </si>
  <si>
    <t>その他の寄附</t>
    <rPh sb="2" eb="3">
      <t>タ</t>
    </rPh>
    <rPh sb="4" eb="6">
      <t>キフ</t>
    </rPh>
    <phoneticPr fontId="4"/>
  </si>
  <si>
    <t>個人･法人その他の団体･政治団体</t>
    <rPh sb="0" eb="2">
      <t>コジン</t>
    </rPh>
    <rPh sb="3" eb="5">
      <t>ホウジン</t>
    </rPh>
    <rPh sb="7" eb="8">
      <t>タ</t>
    </rPh>
    <rPh sb="9" eb="11">
      <t>ダンタイ</t>
    </rPh>
    <rPh sb="12" eb="14">
      <t>セイジ</t>
    </rPh>
    <rPh sb="14" eb="16">
      <t>ダンタイ</t>
    </rPh>
    <phoneticPr fontId="4"/>
  </si>
  <si>
    <t>合　　　　　　　　　　　計</t>
    <rPh sb="0" eb="1">
      <t>ゴウ</t>
    </rPh>
    <rPh sb="12" eb="13">
      <t>ケイ</t>
    </rPh>
    <phoneticPr fontId="4"/>
  </si>
  <si>
    <t>(8) 寄附のうち寄附のあっせんによるものの内訳</t>
    <rPh sb="4" eb="6">
      <t>キフ</t>
    </rPh>
    <rPh sb="9" eb="11">
      <t>キフ</t>
    </rPh>
    <rPh sb="22" eb="23">
      <t>ナイ</t>
    </rPh>
    <rPh sb="23" eb="24">
      <t>ヤク</t>
    </rPh>
    <phoneticPr fontId="4"/>
  </si>
  <si>
    <t>(7) 寄 附 の 内 訳</t>
    <rPh sb="4" eb="7">
      <t>キフ</t>
    </rPh>
    <rPh sb="10" eb="11">
      <t>ナイ</t>
    </rPh>
    <rPh sb="12" eb="13">
      <t>ヤク</t>
    </rPh>
    <phoneticPr fontId="4"/>
  </si>
  <si>
    <t>･　･</t>
    <phoneticPr fontId="2"/>
  </si>
  <si>
    <t>提　供
年月日</t>
    <rPh sb="0" eb="1">
      <t>ツツミ</t>
    </rPh>
    <rPh sb="2" eb="3">
      <t>トモ</t>
    </rPh>
    <rPh sb="4" eb="7">
      <t>ネンガッピ</t>
    </rPh>
    <phoneticPr fontId="4"/>
  </si>
  <si>
    <t>集めた
期　間</t>
    <rPh sb="0" eb="1">
      <t>アツ</t>
    </rPh>
    <rPh sb="4" eb="5">
      <t>キ</t>
    </rPh>
    <rPh sb="6" eb="7">
      <t>アイダ</t>
    </rPh>
    <phoneticPr fontId="4"/>
  </si>
  <si>
    <t>(9) 政党匿名寄附の内訳</t>
    <rPh sb="4" eb="6">
      <t>セイトウ</t>
    </rPh>
    <rPh sb="6" eb="8">
      <t>トクメイ</t>
    </rPh>
    <rPh sb="8" eb="10">
      <t>キフ</t>
    </rPh>
    <rPh sb="11" eb="12">
      <t>ナイ</t>
    </rPh>
    <rPh sb="12" eb="13">
      <t>ヤク</t>
    </rPh>
    <phoneticPr fontId="4"/>
  </si>
  <si>
    <t>･　　･</t>
    <phoneticPr fontId="2"/>
  </si>
  <si>
    <r>
      <t>年 月</t>
    </r>
    <r>
      <rPr>
        <sz val="12"/>
        <rFont val="ＭＳ 明朝"/>
        <family val="1"/>
        <charset val="128"/>
      </rPr>
      <t xml:space="preserve"> </t>
    </r>
    <r>
      <rPr>
        <sz val="12"/>
        <rFont val="ＭＳ 明朝"/>
        <family val="1"/>
        <charset val="128"/>
      </rPr>
      <t>日</t>
    </r>
    <rPh sb="0" eb="1">
      <t>トシ</t>
    </rPh>
    <rPh sb="2" eb="3">
      <t>ツキ</t>
    </rPh>
    <rPh sb="4" eb="5">
      <t>ヒ</t>
    </rPh>
    <phoneticPr fontId="4"/>
  </si>
  <si>
    <t xml:space="preserve">   ･  ･
～  ･  ･</t>
    <phoneticPr fontId="2"/>
  </si>
  <si>
    <t>(10) 機関紙誌の発行その他の事業による収入のうち特定パーティーの対価に係る収入の内訳</t>
    <rPh sb="5" eb="8">
      <t>キカンシ</t>
    </rPh>
    <rPh sb="8" eb="9">
      <t>シ</t>
    </rPh>
    <rPh sb="10" eb="12">
      <t>ハッコウ</t>
    </rPh>
    <rPh sb="12" eb="15">
      <t>ソノタ</t>
    </rPh>
    <rPh sb="16" eb="18">
      <t>ジギョウ</t>
    </rPh>
    <rPh sb="21" eb="23">
      <t>シュウニュウ</t>
    </rPh>
    <rPh sb="26" eb="28">
      <t>トクテイ</t>
    </rPh>
    <rPh sb="34" eb="36">
      <t>タイカ</t>
    </rPh>
    <rPh sb="37" eb="38">
      <t>カカ</t>
    </rPh>
    <rPh sb="39" eb="41">
      <t>シュウニュウ</t>
    </rPh>
    <rPh sb="42" eb="43">
      <t>ナイ</t>
    </rPh>
    <rPh sb="43" eb="44">
      <t>ヤク</t>
    </rPh>
    <phoneticPr fontId="4"/>
  </si>
  <si>
    <t>*</t>
    <phoneticPr fontId="2"/>
  </si>
  <si>
    <t>開　催
年月日</t>
    <rPh sb="0" eb="1">
      <t>カイ</t>
    </rPh>
    <rPh sb="2" eb="3">
      <t>モヨオ</t>
    </rPh>
    <rPh sb="4" eb="7">
      <t>ネンガッピ</t>
    </rPh>
    <phoneticPr fontId="4"/>
  </si>
  <si>
    <t>開 催 場 所</t>
    <rPh sb="0" eb="1">
      <t>カイ</t>
    </rPh>
    <rPh sb="2" eb="3">
      <t>モヨオ</t>
    </rPh>
    <rPh sb="4" eb="5">
      <t>バ</t>
    </rPh>
    <rPh sb="6" eb="7">
      <t>トコロ</t>
    </rPh>
    <phoneticPr fontId="4"/>
  </si>
  <si>
    <t>(11) 政治資金パーティーの対価に係る収入の内訳</t>
    <rPh sb="5" eb="7">
      <t>セイジ</t>
    </rPh>
    <rPh sb="7" eb="9">
      <t>シキン</t>
    </rPh>
    <rPh sb="15" eb="17">
      <t>タイカ</t>
    </rPh>
    <rPh sb="18" eb="19">
      <t>カカ</t>
    </rPh>
    <rPh sb="20" eb="22">
      <t>シュウニュウ</t>
    </rPh>
    <rPh sb="23" eb="24">
      <t>ナイ</t>
    </rPh>
    <rPh sb="24" eb="25">
      <t>ヤク</t>
    </rPh>
    <phoneticPr fontId="4"/>
  </si>
  <si>
    <t>年月日</t>
    <rPh sb="0" eb="1">
      <t>ネン</t>
    </rPh>
    <rPh sb="1" eb="2">
      <t>ゲツ</t>
    </rPh>
    <rPh sb="2" eb="3">
      <t>ニチ</t>
    </rPh>
    <phoneticPr fontId="4"/>
  </si>
  <si>
    <t>　対価の支払を
　した者の数</t>
    <rPh sb="1" eb="3">
      <t>タイカ</t>
    </rPh>
    <rPh sb="4" eb="6">
      <t>シハライ</t>
    </rPh>
    <rPh sb="11" eb="12">
      <t>モノ</t>
    </rPh>
    <rPh sb="13" eb="14">
      <t>カズ</t>
    </rPh>
    <phoneticPr fontId="4"/>
  </si>
  <si>
    <t>*</t>
    <phoneticPr fontId="2"/>
  </si>
  <si>
    <r>
      <t xml:space="preserve">(12) 政治資金パーティーの対価に係る収入のうち対価の支払の
</t>
    </r>
    <r>
      <rPr>
        <sz val="12"/>
        <rFont val="ＭＳ 明朝"/>
        <family val="1"/>
        <charset val="128"/>
      </rPr>
      <t xml:space="preserve">     </t>
    </r>
    <r>
      <rPr>
        <sz val="12"/>
        <rFont val="ＭＳ 明朝"/>
        <family val="1"/>
        <charset val="128"/>
      </rPr>
      <t>あっせんによるものの内訳</t>
    </r>
    <rPh sb="5" eb="7">
      <t>セイジ</t>
    </rPh>
    <rPh sb="7" eb="9">
      <t>シキン</t>
    </rPh>
    <rPh sb="15" eb="17">
      <t>タイカ</t>
    </rPh>
    <rPh sb="18" eb="19">
      <t>カカ</t>
    </rPh>
    <rPh sb="20" eb="22">
      <t>シュウニュウ</t>
    </rPh>
    <rPh sb="25" eb="27">
      <t>タイカ</t>
    </rPh>
    <rPh sb="29" eb="30">
      <t>シハライ</t>
    </rPh>
    <rPh sb="47" eb="48">
      <t>ナイ</t>
    </rPh>
    <rPh sb="48" eb="49">
      <t>ヤク</t>
    </rPh>
    <phoneticPr fontId="4"/>
  </si>
  <si>
    <t>（その13）</t>
    <phoneticPr fontId="2"/>
  </si>
  <si>
    <t>(1) 支 出 の 総 括 表</t>
    <rPh sb="4" eb="7">
      <t>シシュツ</t>
    </rPh>
    <rPh sb="10" eb="13">
      <t>ソウカツ</t>
    </rPh>
    <rPh sb="14" eb="15">
      <t>ヒョウ</t>
    </rPh>
    <phoneticPr fontId="4"/>
  </si>
  <si>
    <t>02</t>
  </si>
  <si>
    <t>07</t>
    <phoneticPr fontId="2"/>
  </si>
  <si>
    <t>06</t>
    <phoneticPr fontId="2"/>
  </si>
  <si>
    <t>08</t>
    <phoneticPr fontId="2"/>
  </si>
  <si>
    <t>(2)</t>
  </si>
  <si>
    <t>(3)</t>
  </si>
  <si>
    <t>(4)</t>
  </si>
  <si>
    <t>１</t>
    <phoneticPr fontId="4"/>
  </si>
  <si>
    <t>２</t>
    <phoneticPr fontId="4"/>
  </si>
  <si>
    <t>３</t>
    <phoneticPr fontId="4"/>
  </si>
  <si>
    <t>４</t>
    <phoneticPr fontId="4"/>
  </si>
  <si>
    <t>(1)</t>
    <phoneticPr fontId="2"/>
  </si>
  <si>
    <t>機関紙誌の発行事業費</t>
    <phoneticPr fontId="4"/>
  </si>
  <si>
    <t>宣伝事業費</t>
    <phoneticPr fontId="4"/>
  </si>
  <si>
    <t>政治資金パーティー開催事業費</t>
    <phoneticPr fontId="4"/>
  </si>
  <si>
    <t>その他の事業費</t>
    <phoneticPr fontId="4"/>
  </si>
  <si>
    <t>調査研究費</t>
    <phoneticPr fontId="4"/>
  </si>
  <si>
    <t>寄附・交付金</t>
    <phoneticPr fontId="4"/>
  </si>
  <si>
    <t>その他の経費</t>
    <phoneticPr fontId="4"/>
  </si>
  <si>
    <t>　うち本部又は支部に対して
　供与した交付金に係る支出</t>
    <phoneticPr fontId="4"/>
  </si>
  <si>
    <t>５</t>
    <phoneticPr fontId="4"/>
  </si>
  <si>
    <t>６</t>
    <phoneticPr fontId="4"/>
  </si>
  <si>
    <t>７</t>
    <phoneticPr fontId="4"/>
  </si>
  <si>
    <t>８</t>
    <phoneticPr fontId="4"/>
  </si>
  <si>
    <t>９</t>
    <phoneticPr fontId="4"/>
  </si>
  <si>
    <t>10</t>
    <phoneticPr fontId="4"/>
  </si>
  <si>
    <t>((1)+(2)+(3)+(4))</t>
    <phoneticPr fontId="2"/>
  </si>
  <si>
    <t>(１+２+３+４)</t>
    <phoneticPr fontId="2"/>
  </si>
  <si>
    <t>(５+６+７+８+９+10)</t>
    <phoneticPr fontId="2"/>
  </si>
  <si>
    <t>機関紙誌の発行
その他の事業費の計</t>
    <rPh sb="16" eb="17">
      <t>ケイ</t>
    </rPh>
    <phoneticPr fontId="4"/>
  </si>
  <si>
    <t>合　　　　　　計　（　ア　＋　イ　）</t>
    <rPh sb="0" eb="1">
      <t>ゴウケイ</t>
    </rPh>
    <phoneticPr fontId="4"/>
  </si>
  <si>
    <t>金　　　　　　額</t>
    <rPh sb="0" eb="1">
      <t>キン</t>
    </rPh>
    <rPh sb="7" eb="8">
      <t>ガク</t>
    </rPh>
    <phoneticPr fontId="2"/>
  </si>
  <si>
    <t>(2) 経常経費(人件費を除く。)の内訳</t>
    <rPh sb="4" eb="6">
      <t>ケイジョウ</t>
    </rPh>
    <rPh sb="6" eb="8">
      <t>ケイヒ</t>
    </rPh>
    <rPh sb="9" eb="12">
      <t>ジンケンヒ</t>
    </rPh>
    <rPh sb="13" eb="14">
      <t>ノゾ</t>
    </rPh>
    <rPh sb="18" eb="19">
      <t>ナイ</t>
    </rPh>
    <rPh sb="19" eb="20">
      <t>ヤク</t>
    </rPh>
    <phoneticPr fontId="4"/>
  </si>
  <si>
    <t>その他の支出</t>
    <rPh sb="2" eb="3">
      <t>タ</t>
    </rPh>
    <rPh sb="4" eb="6">
      <t>シシュツ</t>
    </rPh>
    <phoneticPr fontId="4"/>
  </si>
  <si>
    <t>項目別区分</t>
    <rPh sb="0" eb="1">
      <t>コウ</t>
    </rPh>
    <rPh sb="1" eb="2">
      <t>メ</t>
    </rPh>
    <rPh sb="2" eb="3">
      <t>ベツ</t>
    </rPh>
    <rPh sb="3" eb="4">
      <t>ク</t>
    </rPh>
    <rPh sb="4" eb="5">
      <t>ブン</t>
    </rPh>
    <phoneticPr fontId="4"/>
  </si>
  <si>
    <t xml:space="preserve"> 交付金の供与を受けた
 本部又は支部の名称</t>
    <rPh sb="1" eb="3">
      <t>コウフ</t>
    </rPh>
    <rPh sb="3" eb="4">
      <t>キン</t>
    </rPh>
    <rPh sb="5" eb="6">
      <t>トモ</t>
    </rPh>
    <rPh sb="6" eb="7">
      <t>アタエ</t>
    </rPh>
    <rPh sb="8" eb="9">
      <t>ウ</t>
    </rPh>
    <rPh sb="13" eb="14">
      <t>ホン</t>
    </rPh>
    <rPh sb="14" eb="15">
      <t>ブ</t>
    </rPh>
    <rPh sb="15" eb="16">
      <t>マタ</t>
    </rPh>
    <rPh sb="17" eb="18">
      <t>ササ</t>
    </rPh>
    <rPh sb="18" eb="19">
      <t>ブ</t>
    </rPh>
    <rPh sb="20" eb="22">
      <t>メイショウ</t>
    </rPh>
    <phoneticPr fontId="4"/>
  </si>
  <si>
    <t>備考</t>
    <rPh sb="0" eb="1">
      <t>ソナエ</t>
    </rPh>
    <rPh sb="1" eb="2">
      <t>コウ</t>
    </rPh>
    <phoneticPr fontId="4"/>
  </si>
  <si>
    <t>*</t>
    <phoneticPr fontId="2"/>
  </si>
  <si>
    <t>□</t>
    <phoneticPr fontId="2"/>
  </si>
  <si>
    <t>土　　　　　地</t>
    <rPh sb="0" eb="1">
      <t>ツチ</t>
    </rPh>
    <rPh sb="6" eb="7">
      <t>チ</t>
    </rPh>
    <phoneticPr fontId="4"/>
  </si>
  <si>
    <t>建　　　　　物</t>
    <rPh sb="0" eb="1">
      <t>ケン</t>
    </rPh>
    <rPh sb="6" eb="7">
      <t>ブツ</t>
    </rPh>
    <phoneticPr fontId="4"/>
  </si>
  <si>
    <t>金　銭　信　託</t>
    <rPh sb="0" eb="1">
      <t>キン</t>
    </rPh>
    <rPh sb="2" eb="3">
      <t>ゼニ</t>
    </rPh>
    <rPh sb="4" eb="5">
      <t>シン</t>
    </rPh>
    <rPh sb="6" eb="7">
      <t>コトヅケ</t>
    </rPh>
    <phoneticPr fontId="4"/>
  </si>
  <si>
    <t>有　価　証　券</t>
    <rPh sb="0" eb="1">
      <t>ユウ</t>
    </rPh>
    <rPh sb="2" eb="3">
      <t>アタイ</t>
    </rPh>
    <rPh sb="4" eb="5">
      <t>アカシ</t>
    </rPh>
    <rPh sb="6" eb="7">
      <t>ケン</t>
    </rPh>
    <phoneticPr fontId="4"/>
  </si>
  <si>
    <t>　　資 産 等 の 有 無</t>
    <rPh sb="2" eb="5">
      <t>シサン</t>
    </rPh>
    <rPh sb="6" eb="7">
      <t>トウ</t>
    </rPh>
    <rPh sb="10" eb="13">
      <t>ウム</t>
    </rPh>
    <phoneticPr fontId="4"/>
  </si>
  <si>
    <t>　　資 産 等 の 内 訳</t>
    <rPh sb="2" eb="5">
      <t>シサン</t>
    </rPh>
    <rPh sb="6" eb="7">
      <t>トウ</t>
    </rPh>
    <rPh sb="10" eb="11">
      <t>ナイ</t>
    </rPh>
    <rPh sb="12" eb="13">
      <t>ヤク</t>
    </rPh>
    <phoneticPr fontId="4"/>
  </si>
  <si>
    <t>取得年月日</t>
    <rPh sb="0" eb="2">
      <t>シュトク</t>
    </rPh>
    <rPh sb="2" eb="5">
      <t>ネンガッピ</t>
    </rPh>
    <phoneticPr fontId="4"/>
  </si>
  <si>
    <t>面　　　積</t>
    <rPh sb="0" eb="1">
      <t>メン</t>
    </rPh>
    <rPh sb="4" eb="5">
      <t>セキ</t>
    </rPh>
    <phoneticPr fontId="2"/>
  </si>
  <si>
    <t>ア</t>
    <phoneticPr fontId="2"/>
  </si>
  <si>
    <t>土　　地</t>
    <rPh sb="0" eb="1">
      <t>ツチ</t>
    </rPh>
    <rPh sb="3" eb="4">
      <t>チ</t>
    </rPh>
    <phoneticPr fontId="2"/>
  </si>
  <si>
    <t>建　　物</t>
    <rPh sb="0" eb="1">
      <t>ケン</t>
    </rPh>
    <rPh sb="3" eb="4">
      <t>ブツ</t>
    </rPh>
    <phoneticPr fontId="2"/>
  </si>
  <si>
    <t>イ</t>
    <phoneticPr fontId="2"/>
  </si>
  <si>
    <t>床　面　積</t>
    <rPh sb="0" eb="1">
      <t>ユカ</t>
    </rPh>
    <rPh sb="2" eb="3">
      <t>メン</t>
    </rPh>
    <rPh sb="4" eb="5">
      <t>セキ</t>
    </rPh>
    <phoneticPr fontId="2"/>
  </si>
  <si>
    <t>ウ</t>
    <phoneticPr fontId="2"/>
  </si>
  <si>
    <t>建物の所有を目的とする地上権又は土地の賃借権</t>
    <rPh sb="0" eb="2">
      <t>タテモノ</t>
    </rPh>
    <rPh sb="3" eb="5">
      <t>ショユウ</t>
    </rPh>
    <rPh sb="6" eb="8">
      <t>モクテキ</t>
    </rPh>
    <rPh sb="11" eb="14">
      <t>チジョウケン</t>
    </rPh>
    <rPh sb="14" eb="15">
      <t>マタ</t>
    </rPh>
    <rPh sb="16" eb="18">
      <t>トチ</t>
    </rPh>
    <rPh sb="19" eb="22">
      <t>チンシャクケン</t>
    </rPh>
    <phoneticPr fontId="2"/>
  </si>
  <si>
    <t>エ</t>
    <phoneticPr fontId="2"/>
  </si>
  <si>
    <t>取得の価額が100万円を超える動産</t>
    <rPh sb="0" eb="2">
      <t>シュトク</t>
    </rPh>
    <rPh sb="3" eb="5">
      <t>カガク</t>
    </rPh>
    <rPh sb="9" eb="11">
      <t>マンエン</t>
    </rPh>
    <rPh sb="12" eb="13">
      <t>コ</t>
    </rPh>
    <rPh sb="15" eb="17">
      <t>ドウサン</t>
    </rPh>
    <phoneticPr fontId="2"/>
  </si>
  <si>
    <t>数　　量</t>
    <rPh sb="0" eb="1">
      <t>カズ</t>
    </rPh>
    <rPh sb="3" eb="4">
      <t>リョウ</t>
    </rPh>
    <phoneticPr fontId="2"/>
  </si>
  <si>
    <t>オ</t>
    <phoneticPr fontId="2"/>
  </si>
  <si>
    <t>カ</t>
    <phoneticPr fontId="2"/>
  </si>
  <si>
    <t>金銭信託</t>
    <rPh sb="0" eb="2">
      <t>キンセン</t>
    </rPh>
    <rPh sb="2" eb="4">
      <t>シンタク</t>
    </rPh>
    <phoneticPr fontId="2"/>
  </si>
  <si>
    <t>設定年月日</t>
    <rPh sb="0" eb="2">
      <t>セッテイ</t>
    </rPh>
    <rPh sb="2" eb="5">
      <t>ネンガッピ</t>
    </rPh>
    <phoneticPr fontId="4"/>
  </si>
  <si>
    <t>キ</t>
    <phoneticPr fontId="2"/>
  </si>
  <si>
    <t>有価証券</t>
    <rPh sb="0" eb="2">
      <t>ユウカ</t>
    </rPh>
    <rPh sb="2" eb="4">
      <t>ショウケン</t>
    </rPh>
    <phoneticPr fontId="2"/>
  </si>
  <si>
    <t>･　　･</t>
    <phoneticPr fontId="2"/>
  </si>
  <si>
    <t xml:space="preserve">千
</t>
    <rPh sb="0" eb="1">
      <t>セン</t>
    </rPh>
    <phoneticPr fontId="2"/>
  </si>
  <si>
    <t xml:space="preserve">円
</t>
    <rPh sb="0" eb="1">
      <t>エン</t>
    </rPh>
    <phoneticPr fontId="2"/>
  </si>
  <si>
    <t>□</t>
    <phoneticPr fontId="2"/>
  </si>
  <si>
    <t>個人･法人その他の団体･政治団体</t>
    <phoneticPr fontId="2"/>
  </si>
  <si>
    <t>個人･法人その他の団体･政治団体</t>
    <phoneticPr fontId="2"/>
  </si>
  <si>
    <t>（その16）</t>
    <phoneticPr fontId="2"/>
  </si>
  <si>
    <t>　 使用者と当該資金
　 管理団体及びその
　 代表者との関係</t>
    <rPh sb="2" eb="5">
      <t>シヨウシャ</t>
    </rPh>
    <rPh sb="6" eb="8">
      <t>トウガイ</t>
    </rPh>
    <rPh sb="8" eb="10">
      <t>シキン</t>
    </rPh>
    <rPh sb="13" eb="15">
      <t>カンリ</t>
    </rPh>
    <rPh sb="15" eb="17">
      <t>ダンタイ</t>
    </rPh>
    <rPh sb="17" eb="18">
      <t>オヨ</t>
    </rPh>
    <rPh sb="24" eb="26">
      <t>ダイヒョウ</t>
    </rPh>
    <rPh sb="26" eb="27">
      <t>モノ</t>
    </rPh>
    <rPh sb="29" eb="31">
      <t>カンケイ</t>
    </rPh>
    <phoneticPr fontId="2"/>
  </si>
  <si>
    <t>資金管理団体の指定の有無</t>
    <rPh sb="0" eb="2">
      <t>シキン</t>
    </rPh>
    <rPh sb="2" eb="4">
      <t>カンリ</t>
    </rPh>
    <rPh sb="4" eb="6">
      <t>ダンタイ</t>
    </rPh>
    <rPh sb="7" eb="9">
      <t>シテイ</t>
    </rPh>
    <rPh sb="10" eb="12">
      <t>ウム</t>
    </rPh>
    <phoneticPr fontId="2"/>
  </si>
  <si>
    <t>寄附者の氏名(団体に
あっては、その名称)</t>
    <rPh sb="0" eb="2">
      <t>キフ</t>
    </rPh>
    <rPh sb="2" eb="3">
      <t>モノ</t>
    </rPh>
    <rPh sb="4" eb="6">
      <t>シメイ</t>
    </rPh>
    <rPh sb="7" eb="9">
      <t>ダンタイ</t>
    </rPh>
    <rPh sb="18" eb="20">
      <t>メイショウ</t>
    </rPh>
    <phoneticPr fontId="4"/>
  </si>
  <si>
    <t>住所(団体にあっては、
主たる事務所の所在地)</t>
    <rPh sb="0" eb="1">
      <t>ジュウ</t>
    </rPh>
    <rPh sb="1" eb="2">
      <t>ジョ</t>
    </rPh>
    <rPh sb="3" eb="5">
      <t>ダンタイ</t>
    </rPh>
    <rPh sb="12" eb="13">
      <t>シュ</t>
    </rPh>
    <rPh sb="15" eb="18">
      <t>ジムショ</t>
    </rPh>
    <rPh sb="19" eb="22">
      <t>ショザイチ</t>
    </rPh>
    <phoneticPr fontId="4"/>
  </si>
  <si>
    <t>職業(団体にあっては、代表者の氏名)</t>
    <rPh sb="0" eb="2">
      <t>ショクギョウ</t>
    </rPh>
    <rPh sb="3" eb="5">
      <t>ダンタイ</t>
    </rPh>
    <rPh sb="11" eb="12">
      <t>ダイ</t>
    </rPh>
    <rPh sb="12" eb="13">
      <t>オモテ</t>
    </rPh>
    <rPh sb="13" eb="14">
      <t>シャ</t>
    </rPh>
    <rPh sb="15" eb="17">
      <t>シメイ</t>
    </rPh>
    <phoneticPr fontId="4"/>
  </si>
  <si>
    <t>あっせん者の氏名（団体
にあっては、その名称）</t>
    <rPh sb="4" eb="5">
      <t>モノ</t>
    </rPh>
    <rPh sb="6" eb="7">
      <t>シ</t>
    </rPh>
    <rPh sb="7" eb="8">
      <t>ナ</t>
    </rPh>
    <rPh sb="9" eb="11">
      <t>ダンタイ</t>
    </rPh>
    <rPh sb="20" eb="22">
      <t>メイショウ</t>
    </rPh>
    <phoneticPr fontId="4"/>
  </si>
  <si>
    <t>住所(団体にあっては、
主たる事務所の所在地)</t>
    <rPh sb="0" eb="2">
      <t>ジュウショ</t>
    </rPh>
    <rPh sb="3" eb="5">
      <t>ダンタイ</t>
    </rPh>
    <rPh sb="12" eb="13">
      <t>シュ</t>
    </rPh>
    <rPh sb="15" eb="18">
      <t>ジムショ</t>
    </rPh>
    <rPh sb="19" eb="22">
      <t>ショザイチ</t>
    </rPh>
    <phoneticPr fontId="4"/>
  </si>
  <si>
    <t>対価に係る収入の金額</t>
    <rPh sb="0" eb="2">
      <t>タイカ</t>
    </rPh>
    <rPh sb="3" eb="4">
      <t>カカ</t>
    </rPh>
    <rPh sb="5" eb="7">
      <t>シュウニュウ</t>
    </rPh>
    <rPh sb="8" eb="9">
      <t>キン</t>
    </rPh>
    <rPh sb="9" eb="10">
      <t>ガク</t>
    </rPh>
    <phoneticPr fontId="4"/>
  </si>
  <si>
    <t>対価の支払をした者の氏名(団体にあっては、その名称)</t>
    <rPh sb="0" eb="2">
      <t>タイカ</t>
    </rPh>
    <rPh sb="3" eb="5">
      <t>シハライ</t>
    </rPh>
    <rPh sb="8" eb="9">
      <t>モノ</t>
    </rPh>
    <rPh sb="10" eb="12">
      <t>シメイ</t>
    </rPh>
    <rPh sb="13" eb="15">
      <t>ダンタイ</t>
    </rPh>
    <rPh sb="23" eb="25">
      <t>メイショウ</t>
    </rPh>
    <phoneticPr fontId="4"/>
  </si>
  <si>
    <t>住所(団体にあっては、
主たる事務所の所在地)</t>
    <rPh sb="0" eb="1">
      <t>ジュウ</t>
    </rPh>
    <rPh sb="1" eb="2">
      <t>ショ</t>
    </rPh>
    <rPh sb="3" eb="5">
      <t>ダンタイ</t>
    </rPh>
    <rPh sb="12" eb="13">
      <t>オモ</t>
    </rPh>
    <rPh sb="15" eb="18">
      <t>ジムショ</t>
    </rPh>
    <rPh sb="19" eb="20">
      <t>トコロ</t>
    </rPh>
    <rPh sb="20" eb="21">
      <t>ザイ</t>
    </rPh>
    <rPh sb="21" eb="22">
      <t>チ</t>
    </rPh>
    <phoneticPr fontId="4"/>
  </si>
  <si>
    <t>対価の支払のあっせん者の氏名(団体にあっては、その名称)</t>
    <rPh sb="0" eb="2">
      <t>タイカ</t>
    </rPh>
    <rPh sb="3" eb="5">
      <t>シハライ</t>
    </rPh>
    <rPh sb="10" eb="11">
      <t>モノ</t>
    </rPh>
    <rPh sb="12" eb="14">
      <t>シメイ</t>
    </rPh>
    <rPh sb="15" eb="17">
      <t>ダンタイ</t>
    </rPh>
    <rPh sb="25" eb="27">
      <t>メイショウ</t>
    </rPh>
    <phoneticPr fontId="4"/>
  </si>
  <si>
    <t>支出を受けた者の氏名(団体にあっては、その名称)</t>
    <rPh sb="0" eb="2">
      <t>シシュツ</t>
    </rPh>
    <rPh sb="3" eb="7">
      <t>ウケタモノ</t>
    </rPh>
    <rPh sb="8" eb="10">
      <t>シメイ</t>
    </rPh>
    <rPh sb="11" eb="13">
      <t>ダンタイ</t>
    </rPh>
    <rPh sb="21" eb="23">
      <t>メイショウ</t>
    </rPh>
    <phoneticPr fontId="4"/>
  </si>
  <si>
    <t>支出を受けた者の住所(団体にあ
っては、主たる事務所の所在地)</t>
    <rPh sb="0" eb="2">
      <t>シシュツ</t>
    </rPh>
    <rPh sb="3" eb="7">
      <t>ウケタモノ</t>
    </rPh>
    <rPh sb="8" eb="10">
      <t>ジュウショ</t>
    </rPh>
    <rPh sb="11" eb="13">
      <t>ダンタイ</t>
    </rPh>
    <rPh sb="20" eb="21">
      <t>オモ</t>
    </rPh>
    <rPh sb="23" eb="26">
      <t>ジムショ</t>
    </rPh>
    <rPh sb="27" eb="30">
      <t>ショザイチ</t>
    </rPh>
    <phoneticPr fontId="4"/>
  </si>
  <si>
    <t>　　交付金を供与した　
　　本部又は支部の名称　　</t>
    <rPh sb="2" eb="5">
      <t>コウフキン</t>
    </rPh>
    <rPh sb="6" eb="8">
      <t>キョウヨ</t>
    </rPh>
    <rPh sb="14" eb="16">
      <t>ホンブ</t>
    </rPh>
    <rPh sb="16" eb="17">
      <t>マタ</t>
    </rPh>
    <rPh sb="18" eb="20">
      <t>シブ</t>
    </rPh>
    <rPh sb="21" eb="23">
      <t>メイショウ</t>
    </rPh>
    <phoneticPr fontId="4"/>
  </si>
  <si>
    <t>（その19）</t>
    <phoneticPr fontId="2"/>
  </si>
  <si>
    <t>（その18-12）</t>
    <phoneticPr fontId="2"/>
  </si>
  <si>
    <t>（その18-11）</t>
    <phoneticPr fontId="2"/>
  </si>
  <si>
    <t>（その18-10）</t>
    <phoneticPr fontId="2"/>
  </si>
  <si>
    <t>（その18-9）</t>
    <phoneticPr fontId="2"/>
  </si>
  <si>
    <t>（その18-8）</t>
    <phoneticPr fontId="2"/>
  </si>
  <si>
    <t>（その18-7）</t>
    <phoneticPr fontId="2"/>
  </si>
  <si>
    <t>（その18-6）</t>
    <phoneticPr fontId="2"/>
  </si>
  <si>
    <t>（その18-5）</t>
    <phoneticPr fontId="2"/>
  </si>
  <si>
    <t>（その18-4）</t>
    <phoneticPr fontId="2"/>
  </si>
  <si>
    <t>（その18-3）</t>
    <phoneticPr fontId="2"/>
  </si>
  <si>
    <t>（その18-2）</t>
    <phoneticPr fontId="2"/>
  </si>
  <si>
    <t>（その18-1）</t>
    <phoneticPr fontId="2"/>
  </si>
  <si>
    <t>（その17）</t>
    <phoneticPr fontId="2"/>
  </si>
  <si>
    <t xml:space="preserve"> 注 本部又は支部に対して供与した交付金に係る支出が
　　ある場合は、(その16)の内訳が必要です。</t>
    <rPh sb="1" eb="2">
      <t>チュウ</t>
    </rPh>
    <rPh sb="3" eb="5">
      <t>ホンブ</t>
    </rPh>
    <rPh sb="5" eb="6">
      <t>マタ</t>
    </rPh>
    <rPh sb="7" eb="9">
      <t>シブ</t>
    </rPh>
    <rPh sb="10" eb="11">
      <t>タイ</t>
    </rPh>
    <rPh sb="13" eb="15">
      <t>キョウヨ</t>
    </rPh>
    <rPh sb="17" eb="20">
      <t>コウフキン</t>
    </rPh>
    <rPh sb="21" eb="22">
      <t>カカ</t>
    </rPh>
    <rPh sb="23" eb="25">
      <t>シシュツ</t>
    </rPh>
    <rPh sb="31" eb="33">
      <t>バアイ</t>
    </rPh>
    <rPh sb="42" eb="44">
      <t>ウチワケ</t>
    </rPh>
    <rPh sb="45" eb="47">
      <t>ヒツヨウ</t>
    </rPh>
    <phoneticPr fontId="2"/>
  </si>
  <si>
    <r>
      <t>(</t>
    </r>
    <r>
      <rPr>
        <sz val="12"/>
        <rFont val="ＭＳ 明朝"/>
        <family val="1"/>
        <charset val="128"/>
      </rPr>
      <t>4</t>
    </r>
    <r>
      <rPr>
        <sz val="12"/>
        <rFont val="ＭＳ 明朝"/>
        <family val="1"/>
        <charset val="128"/>
      </rPr>
      <t>) 本部又は支部に対して供与した交付金に係る支出の内訳</t>
    </r>
    <rPh sb="4" eb="6">
      <t>ホンブ</t>
    </rPh>
    <rPh sb="6" eb="7">
      <t>マタ</t>
    </rPh>
    <rPh sb="8" eb="12">
      <t>シブニタイ</t>
    </rPh>
    <rPh sb="14" eb="16">
      <t>キョウヨ</t>
    </rPh>
    <rPh sb="18" eb="21">
      <t>コウフキン</t>
    </rPh>
    <rPh sb="22" eb="23">
      <t>カカ</t>
    </rPh>
    <rPh sb="24" eb="26">
      <t>シシュツ</t>
    </rPh>
    <rPh sb="27" eb="28">
      <t>ナイ</t>
    </rPh>
    <rPh sb="28" eb="29">
      <t>ヤク</t>
    </rPh>
    <phoneticPr fontId="4"/>
  </si>
  <si>
    <t>宣　　　誓　　　書</t>
    <rPh sb="0" eb="1">
      <t>ヨロシ</t>
    </rPh>
    <rPh sb="4" eb="5">
      <t>チカイ</t>
    </rPh>
    <rPh sb="8" eb="9">
      <t>ショ</t>
    </rPh>
    <phoneticPr fontId="2"/>
  </si>
  <si>
    <t>　　資　 産 　等 　の　 状 　況</t>
    <rPh sb="2" eb="3">
      <t>シ</t>
    </rPh>
    <rPh sb="5" eb="6">
      <t>サン</t>
    </rPh>
    <rPh sb="8" eb="9">
      <t>トウ</t>
    </rPh>
    <rPh sb="14" eb="15">
      <t>ジョウ</t>
    </rPh>
    <rPh sb="17" eb="18">
      <t>キョウ</t>
    </rPh>
    <phoneticPr fontId="2"/>
  </si>
  <si>
    <t>収 　支 　の 　状 　況</t>
    <rPh sb="0" eb="1">
      <t>オサム</t>
    </rPh>
    <rPh sb="3" eb="4">
      <t>ササ</t>
    </rPh>
    <rPh sb="9" eb="10">
      <t>ジョウ</t>
    </rPh>
    <rPh sb="12" eb="13">
      <t>キョウ</t>
    </rPh>
    <phoneticPr fontId="2"/>
  </si>
  <si>
    <t>(＊受付印)</t>
    <phoneticPr fontId="2"/>
  </si>
  <si>
    <t xml:space="preserve">  収　支　報　告　書</t>
    <phoneticPr fontId="2"/>
  </si>
  <si>
    <t>（その１）</t>
    <phoneticPr fontId="2"/>
  </si>
  <si>
    <t>□</t>
    <phoneticPr fontId="2"/>
  </si>
  <si>
    <t>政党の支部</t>
    <phoneticPr fontId="2"/>
  </si>
  <si>
    <t xml:space="preserve">□ </t>
    <phoneticPr fontId="2"/>
  </si>
  <si>
    <t>その他の政治団体の支部</t>
    <phoneticPr fontId="2"/>
  </si>
  <si>
    <t>１</t>
    <phoneticPr fontId="2"/>
  </si>
  <si>
    <t>□</t>
    <phoneticPr fontId="2"/>
  </si>
  <si>
    <t>政治資金規正法第18条の2第1項の規定による政治団体</t>
    <phoneticPr fontId="2"/>
  </si>
  <si>
    <t>２</t>
    <phoneticPr fontId="2"/>
  </si>
  <si>
    <t xml:space="preserve">□ </t>
    <phoneticPr fontId="2"/>
  </si>
  <si>
    <t>全国（２都道府県以上）</t>
    <phoneticPr fontId="2"/>
  </si>
  <si>
    <t>神奈川県内</t>
    <phoneticPr fontId="2"/>
  </si>
  <si>
    <t>国会議員関係政治団体の区分</t>
    <rPh sb="0" eb="2">
      <t>コッカイ</t>
    </rPh>
    <rPh sb="2" eb="4">
      <t>ギイン</t>
    </rPh>
    <rPh sb="4" eb="6">
      <t>カンケイ</t>
    </rPh>
    <rPh sb="6" eb="8">
      <t>セイジ</t>
    </rPh>
    <rPh sb="8" eb="10">
      <t>ダンタイ</t>
    </rPh>
    <rPh sb="11" eb="13">
      <t>クブン</t>
    </rPh>
    <phoneticPr fontId="2"/>
  </si>
  <si>
    <t>３</t>
    <phoneticPr fontId="2"/>
  </si>
  <si>
    <t xml:space="preserve">□ </t>
    <phoneticPr fontId="2"/>
  </si>
  <si>
    <t>有</t>
    <rPh sb="0" eb="1">
      <t>ア</t>
    </rPh>
    <phoneticPr fontId="2"/>
  </si>
  <si>
    <t xml:space="preserve">□ </t>
    <phoneticPr fontId="2"/>
  </si>
  <si>
    <t>政治資金規正法第19条の７</t>
    <rPh sb="0" eb="2">
      <t>セイジ</t>
    </rPh>
    <rPh sb="2" eb="4">
      <t>シキン</t>
    </rPh>
    <rPh sb="4" eb="7">
      <t>キセイホウ</t>
    </rPh>
    <phoneticPr fontId="2"/>
  </si>
  <si>
    <t xml:space="preserve">□ </t>
    <phoneticPr fontId="2"/>
  </si>
  <si>
    <t>無</t>
    <phoneticPr fontId="2"/>
  </si>
  <si>
    <t>第１項第１号に係る</t>
    <phoneticPr fontId="2"/>
  </si>
  <si>
    <t>国会議員関係政治団体</t>
    <rPh sb="0" eb="2">
      <t>コッカイ</t>
    </rPh>
    <rPh sb="2" eb="4">
      <t>ギイン</t>
    </rPh>
    <phoneticPr fontId="2"/>
  </si>
  <si>
    <t>４</t>
    <phoneticPr fontId="2"/>
  </si>
  <si>
    <t xml:space="preserve">□ </t>
    <phoneticPr fontId="2"/>
  </si>
  <si>
    <t>第１項第２号に係る</t>
    <phoneticPr fontId="2"/>
  </si>
  <si>
    <t>資金管理団体の届出</t>
    <rPh sb="0" eb="2">
      <t>シキン</t>
    </rPh>
    <rPh sb="2" eb="4">
      <t>カンリ</t>
    </rPh>
    <rPh sb="4" eb="6">
      <t>ダンタイ</t>
    </rPh>
    <rPh sb="7" eb="8">
      <t>トドケ</t>
    </rPh>
    <rPh sb="8" eb="9">
      <t>デ</t>
    </rPh>
    <phoneticPr fontId="2"/>
  </si>
  <si>
    <t>公職の候補者の氏名</t>
    <rPh sb="0" eb="2">
      <t>コウショク</t>
    </rPh>
    <rPh sb="3" eb="6">
      <t>コウホシャ</t>
    </rPh>
    <rPh sb="7" eb="9">
      <t>シメイ</t>
    </rPh>
    <phoneticPr fontId="2"/>
  </si>
  <si>
    <t>をした者の氏名</t>
    <rPh sb="5" eb="7">
      <t>シメイ</t>
    </rPh>
    <phoneticPr fontId="2"/>
  </si>
  <si>
    <t>連絡先</t>
    <rPh sb="0" eb="3">
      <t>レンラクサキ</t>
    </rPh>
    <phoneticPr fontId="2"/>
  </si>
  <si>
    <t>　－　　　　　　－</t>
    <phoneticPr fontId="2"/>
  </si>
  <si>
    <t>(電話番号)</t>
    <phoneticPr fontId="2"/>
  </si>
  <si>
    <t>処理</t>
    <rPh sb="0" eb="2">
      <t>ショリ</t>
    </rPh>
    <phoneticPr fontId="2"/>
  </si>
  <si>
    <t>＊</t>
    <phoneticPr fontId="2"/>
  </si>
  <si>
    <t>（その20）</t>
    <phoneticPr fontId="2"/>
  </si>
  <si>
    <t>　政治資金監査報告書（国会議員関係政治団体に限る。）</t>
    <rPh sb="1" eb="3">
      <t>セイジ</t>
    </rPh>
    <rPh sb="3" eb="5">
      <t>シキン</t>
    </rPh>
    <rPh sb="5" eb="7">
      <t>カンサ</t>
    </rPh>
    <rPh sb="7" eb="10">
      <t>ホウコクショ</t>
    </rPh>
    <rPh sb="11" eb="13">
      <t>コッカイ</t>
    </rPh>
    <rPh sb="13" eb="15">
      <t>ギイン</t>
    </rPh>
    <rPh sb="15" eb="17">
      <t>カンケイ</t>
    </rPh>
    <rPh sb="17" eb="19">
      <t>セイジ</t>
    </rPh>
    <rPh sb="19" eb="21">
      <t>ダンタイ</t>
    </rPh>
    <rPh sb="22" eb="23">
      <t>カギ</t>
    </rPh>
    <phoneticPr fontId="2"/>
  </si>
  <si>
    <r>
      <t>※該当箇所に</t>
    </r>
    <r>
      <rPr>
        <sz val="10"/>
        <rFont val="Wingdings 2"/>
        <family val="1"/>
        <charset val="2"/>
      </rPr>
      <t>R</t>
    </r>
    <r>
      <rPr>
        <sz val="10"/>
        <rFont val="ＭＳ 明朝"/>
        <family val="1"/>
        <charset val="128"/>
      </rPr>
      <t>してください。</t>
    </r>
    <rPh sb="1" eb="3">
      <t>ガイトウ</t>
    </rPh>
    <rPh sb="3" eb="5">
      <t>カショ</t>
    </rPh>
    <phoneticPr fontId="2"/>
  </si>
  <si>
    <r>
      <t>( 現職</t>
    </r>
    <r>
      <rPr>
        <sz val="12"/>
        <rFont val="ＭＳ 明朝"/>
        <family val="1"/>
        <charset val="128"/>
      </rPr>
      <t xml:space="preserve"> </t>
    </r>
    <r>
      <rPr>
        <sz val="12"/>
        <rFont val="ＭＳ 明朝"/>
        <family val="1"/>
        <charset val="128"/>
      </rPr>
      <t>・</t>
    </r>
    <r>
      <rPr>
        <sz val="12"/>
        <rFont val="ＭＳ 明朝"/>
        <family val="1"/>
        <charset val="128"/>
      </rPr>
      <t xml:space="preserve"> </t>
    </r>
    <r>
      <rPr>
        <sz val="12"/>
        <rFont val="ＭＳ 明朝"/>
        <family val="1"/>
        <charset val="128"/>
      </rPr>
      <t>候補者等 )</t>
    </r>
    <rPh sb="2" eb="4">
      <t>ゲンショク</t>
    </rPh>
    <rPh sb="7" eb="10">
      <t>コウホシャ</t>
    </rPh>
    <rPh sb="10" eb="11">
      <t>ナド</t>
    </rPh>
    <phoneticPr fontId="2"/>
  </si>
  <si>
    <r>
      <t xml:space="preserve">( 現職 ・ 候補者等 </t>
    </r>
    <r>
      <rPr>
        <sz val="12"/>
        <rFont val="ＭＳ 明朝"/>
        <family val="1"/>
        <charset val="128"/>
      </rPr>
      <t>)</t>
    </r>
    <rPh sb="2" eb="4">
      <t>ゲンショク</t>
    </rPh>
    <rPh sb="7" eb="10">
      <t>コウホシャ</t>
    </rPh>
    <rPh sb="10" eb="11">
      <t>ナド</t>
    </rPh>
    <phoneticPr fontId="2"/>
  </si>
  <si>
    <r>
      <t>(※)</t>
    </r>
    <r>
      <rPr>
        <sz val="11"/>
        <rFont val="ＭＳ 明朝"/>
        <family val="1"/>
        <charset val="128"/>
      </rPr>
      <t>資金管理団体の指定の期間</t>
    </r>
    <rPh sb="3" eb="5">
      <t>シキン</t>
    </rPh>
    <rPh sb="5" eb="7">
      <t>カンリ</t>
    </rPh>
    <rPh sb="7" eb="9">
      <t>ダンタイ</t>
    </rPh>
    <rPh sb="10" eb="12">
      <t>シテイ</t>
    </rPh>
    <rPh sb="13" eb="15">
      <t>キカン</t>
    </rPh>
    <phoneticPr fontId="2"/>
  </si>
  <si>
    <t>(</t>
    <phoneticPr fontId="2"/>
  </si>
  <si>
    <t>)</t>
    <phoneticPr fontId="2"/>
  </si>
  <si>
    <t>その他の政治団体(後援会等)</t>
    <rPh sb="9" eb="12">
      <t>コウエンカイ</t>
    </rPh>
    <rPh sb="12" eb="13">
      <t>トウ</t>
    </rPh>
    <phoneticPr fontId="2"/>
  </si>
  <si>
    <r>
      <t xml:space="preserve"> ア　収　　入　　総　　額　</t>
    </r>
    <r>
      <rPr>
        <sz val="12"/>
        <rFont val="ＭＳ 明朝"/>
        <family val="1"/>
        <charset val="128"/>
      </rPr>
      <t>(ｱ)＋(ｲ)　</t>
    </r>
    <rPh sb="3" eb="7">
      <t>シュウニュウ</t>
    </rPh>
    <rPh sb="9" eb="13">
      <t>ソウガク</t>
    </rPh>
    <phoneticPr fontId="4"/>
  </si>
  <si>
    <t>(ｱ)　 前 年 か ら の 繰 越 額　</t>
    <rPh sb="5" eb="8">
      <t>ゼンネン</t>
    </rPh>
    <rPh sb="15" eb="20">
      <t>クリコシガク</t>
    </rPh>
    <phoneticPr fontId="4"/>
  </si>
  <si>
    <r>
      <t>(ｲ)　</t>
    </r>
    <r>
      <rPr>
        <sz val="12"/>
        <rFont val="ＭＳ 明朝"/>
        <family val="1"/>
        <charset val="128"/>
      </rPr>
      <t xml:space="preserve"> </t>
    </r>
    <r>
      <rPr>
        <sz val="12"/>
        <rFont val="ＭＳ 明朝"/>
        <family val="1"/>
        <charset val="128"/>
      </rPr>
      <t>本　年　の　収　入　額　</t>
    </r>
    <rPh sb="5" eb="8">
      <t>ホンネン</t>
    </rPh>
    <rPh sb="11" eb="16">
      <t>シュウニュウガク</t>
    </rPh>
    <phoneticPr fontId="4"/>
  </si>
  <si>
    <t xml:space="preserve"> イ　支　　出　　総　　額　</t>
    <rPh sb="3" eb="7">
      <t>シシュツ</t>
    </rPh>
    <rPh sb="9" eb="13">
      <t>ソウガク</t>
    </rPh>
    <phoneticPr fontId="4"/>
  </si>
  <si>
    <t xml:space="preserve"> ウ　翌 年 へ の 繰 越 額　（ア－イ）</t>
    <rPh sb="3" eb="6">
      <t>ヨクネン</t>
    </rPh>
    <rPh sb="11" eb="16">
      <t>クリコシガク</t>
    </rPh>
    <phoneticPr fontId="4"/>
  </si>
  <si>
    <t>金　額　</t>
    <rPh sb="0" eb="1">
      <t>キン</t>
    </rPh>
    <rPh sb="2" eb="3">
      <t>ガク</t>
    </rPh>
    <phoneticPr fontId="4"/>
  </si>
  <si>
    <r>
      <t>員　数 (党費又は会費を納入した人の数)</t>
    </r>
    <r>
      <rPr>
        <sz val="12"/>
        <rFont val="ＭＳ 明朝"/>
        <family val="1"/>
        <charset val="128"/>
      </rPr>
      <t xml:space="preserve"> </t>
    </r>
    <rPh sb="0" eb="1">
      <t>イン</t>
    </rPh>
    <rPh sb="2" eb="3">
      <t>カズ</t>
    </rPh>
    <rPh sb="5" eb="6">
      <t>トウ</t>
    </rPh>
    <rPh sb="6" eb="7">
      <t>ヒ</t>
    </rPh>
    <rPh sb="7" eb="8">
      <t>マタ</t>
    </rPh>
    <rPh sb="9" eb="11">
      <t>カイヒ</t>
    </rPh>
    <rPh sb="12" eb="14">
      <t>ノウニュウ</t>
    </rPh>
    <rPh sb="16" eb="17">
      <t>ヒト</t>
    </rPh>
    <rPh sb="18" eb="19">
      <t>カズ</t>
    </rPh>
    <phoneticPr fontId="4"/>
  </si>
  <si>
    <t>(ｱ) 個　人　か　ら　の　寄　附　</t>
    <rPh sb="4" eb="7">
      <t>コジン</t>
    </rPh>
    <rPh sb="14" eb="17">
      <t>キフ</t>
    </rPh>
    <phoneticPr fontId="4"/>
  </si>
  <si>
    <r>
      <t>　　(　う　ち　特　定　寄　附　)</t>
    </r>
    <r>
      <rPr>
        <sz val="12"/>
        <rFont val="ＭＳ 明朝"/>
        <family val="1"/>
        <charset val="128"/>
      </rPr>
      <t xml:space="preserve"> </t>
    </r>
    <rPh sb="8" eb="11">
      <t>トクテイ</t>
    </rPh>
    <rPh sb="12" eb="15">
      <t>キフ</t>
    </rPh>
    <phoneticPr fontId="4"/>
  </si>
  <si>
    <t>(ｲ) 法人その他の団体からの寄附　</t>
    <rPh sb="4" eb="6">
      <t>ホウジン</t>
    </rPh>
    <rPh sb="6" eb="9">
      <t>ソノタ</t>
    </rPh>
    <rPh sb="10" eb="12">
      <t>ダンタイ</t>
    </rPh>
    <rPh sb="15" eb="17">
      <t>キフ</t>
    </rPh>
    <phoneticPr fontId="4"/>
  </si>
  <si>
    <t>(ｳ) 政 治 団 体 か ら の 寄 附　</t>
    <rPh sb="4" eb="7">
      <t>セイジ</t>
    </rPh>
    <rPh sb="8" eb="11">
      <t>ダンタイ</t>
    </rPh>
    <rPh sb="18" eb="21">
      <t>キフ</t>
    </rPh>
    <phoneticPr fontId="4"/>
  </si>
  <si>
    <r>
      <t>小　計　(ｱ)</t>
    </r>
    <r>
      <rPr>
        <sz val="12"/>
        <rFont val="ＭＳ 明朝"/>
        <family val="1"/>
        <charset val="128"/>
      </rPr>
      <t xml:space="preserve"> </t>
    </r>
    <r>
      <rPr>
        <sz val="12"/>
        <rFont val="ＭＳ 明朝"/>
        <family val="1"/>
        <charset val="128"/>
      </rPr>
      <t>＋</t>
    </r>
    <r>
      <rPr>
        <sz val="12"/>
        <rFont val="ＭＳ 明朝"/>
        <family val="1"/>
        <charset val="128"/>
      </rPr>
      <t xml:space="preserve"> </t>
    </r>
    <r>
      <rPr>
        <sz val="12"/>
        <rFont val="ＭＳ 明朝"/>
        <family val="1"/>
        <charset val="128"/>
      </rPr>
      <t>(ｲ)</t>
    </r>
    <r>
      <rPr>
        <sz val="12"/>
        <rFont val="ＭＳ 明朝"/>
        <family val="1"/>
        <charset val="128"/>
      </rPr>
      <t xml:space="preserve"> </t>
    </r>
    <r>
      <rPr>
        <sz val="12"/>
        <rFont val="ＭＳ 明朝"/>
        <family val="1"/>
        <charset val="128"/>
      </rPr>
      <t>＋</t>
    </r>
    <r>
      <rPr>
        <sz val="12"/>
        <rFont val="ＭＳ 明朝"/>
        <family val="1"/>
        <charset val="128"/>
      </rPr>
      <t xml:space="preserve"> </t>
    </r>
    <r>
      <rPr>
        <sz val="12"/>
        <rFont val="ＭＳ 明朝"/>
        <family val="1"/>
        <charset val="128"/>
      </rPr>
      <t>(ｳ)</t>
    </r>
    <r>
      <rPr>
        <sz val="12"/>
        <rFont val="ＭＳ 明朝"/>
        <family val="1"/>
        <charset val="128"/>
      </rPr>
      <t xml:space="preserve"> </t>
    </r>
    <rPh sb="0" eb="3">
      <t>ショウケイ</t>
    </rPh>
    <phoneticPr fontId="4"/>
  </si>
  <si>
    <t xml:space="preserve"> イ　政 党 匿 名 寄 附　</t>
    <phoneticPr fontId="4"/>
  </si>
  <si>
    <t xml:space="preserve"> 合　計　( ア　＋　イ )　</t>
    <phoneticPr fontId="2"/>
  </si>
  <si>
    <t>このページの小計</t>
    <rPh sb="6" eb="7">
      <t>ショウ</t>
    </rPh>
    <rPh sb="7" eb="8">
      <t>ケイ</t>
    </rPh>
    <phoneticPr fontId="2"/>
  </si>
  <si>
    <t>このページの小計</t>
    <rPh sb="6" eb="8">
      <t>コバカリ</t>
    </rPh>
    <phoneticPr fontId="2"/>
  </si>
  <si>
    <r>
      <t>こ</t>
    </r>
    <r>
      <rPr>
        <sz val="12"/>
        <rFont val="ＭＳ 明朝"/>
        <family val="1"/>
        <charset val="128"/>
      </rPr>
      <t xml:space="preserve"> </t>
    </r>
    <r>
      <rPr>
        <sz val="12"/>
        <rFont val="ＭＳ 明朝"/>
        <family val="1"/>
        <charset val="128"/>
      </rPr>
      <t>の</t>
    </r>
    <r>
      <rPr>
        <sz val="12"/>
        <rFont val="ＭＳ 明朝"/>
        <family val="1"/>
        <charset val="128"/>
      </rPr>
      <t xml:space="preserve"> </t>
    </r>
    <r>
      <rPr>
        <sz val="12"/>
        <rFont val="ＭＳ 明朝"/>
        <family val="1"/>
        <charset val="128"/>
      </rPr>
      <t>ペ</t>
    </r>
    <r>
      <rPr>
        <sz val="12"/>
        <rFont val="ＭＳ 明朝"/>
        <family val="1"/>
        <charset val="128"/>
      </rPr>
      <t xml:space="preserve"> </t>
    </r>
    <r>
      <rPr>
        <sz val="12"/>
        <rFont val="ＭＳ 明朝"/>
        <family val="1"/>
        <charset val="128"/>
      </rPr>
      <t>ー</t>
    </r>
    <r>
      <rPr>
        <sz val="12"/>
        <rFont val="ＭＳ 明朝"/>
        <family val="1"/>
        <charset val="128"/>
      </rPr>
      <t xml:space="preserve"> </t>
    </r>
    <r>
      <rPr>
        <sz val="12"/>
        <rFont val="ＭＳ 明朝"/>
        <family val="1"/>
        <charset val="128"/>
      </rPr>
      <t>ジ</t>
    </r>
    <r>
      <rPr>
        <sz val="12"/>
        <rFont val="ＭＳ 明朝"/>
        <family val="1"/>
        <charset val="128"/>
      </rPr>
      <t xml:space="preserve"> </t>
    </r>
    <r>
      <rPr>
        <sz val="12"/>
        <rFont val="ＭＳ 明朝"/>
        <family val="1"/>
        <charset val="128"/>
      </rPr>
      <t>の</t>
    </r>
    <r>
      <rPr>
        <sz val="12"/>
        <rFont val="ＭＳ 明朝"/>
        <family val="1"/>
        <charset val="128"/>
      </rPr>
      <t xml:space="preserve"> </t>
    </r>
    <r>
      <rPr>
        <sz val="12"/>
        <rFont val="ＭＳ 明朝"/>
        <family val="1"/>
        <charset val="128"/>
      </rPr>
      <t>小</t>
    </r>
    <r>
      <rPr>
        <sz val="12"/>
        <rFont val="ＭＳ 明朝"/>
        <family val="1"/>
        <charset val="128"/>
      </rPr>
      <t xml:space="preserve"> </t>
    </r>
    <r>
      <rPr>
        <sz val="12"/>
        <rFont val="ＭＳ 明朝"/>
        <family val="1"/>
        <charset val="128"/>
      </rPr>
      <t>計</t>
    </r>
    <rPh sb="12" eb="13">
      <t>ショウ</t>
    </rPh>
    <rPh sb="14" eb="15">
      <t>ケイ</t>
    </rPh>
    <phoneticPr fontId="2"/>
  </si>
  <si>
    <t>小計</t>
    <rPh sb="0" eb="1">
      <t>ショウ</t>
    </rPh>
    <rPh sb="1" eb="2">
      <t>ケイ</t>
    </rPh>
    <phoneticPr fontId="2"/>
  </si>
  <si>
    <t>イ　政治活動費</t>
    <rPh sb="2" eb="4">
      <t>セイジ</t>
    </rPh>
    <rPh sb="4" eb="7">
      <t>カツドウヒ</t>
    </rPh>
    <phoneticPr fontId="2"/>
  </si>
  <si>
    <t>ア経常経費</t>
    <rPh sb="1" eb="3">
      <t>ケイジョウ</t>
    </rPh>
    <rPh sb="3" eb="5">
      <t>ケイヒ</t>
    </rPh>
    <phoneticPr fontId="4"/>
  </si>
  <si>
    <t>（  ふ  り  が  な  ）</t>
    <phoneticPr fontId="2"/>
  </si>
  <si>
    <r>
      <t>光熱水費　</t>
    </r>
    <r>
      <rPr>
        <b/>
        <sz val="10"/>
        <rFont val="ＭＳ 明朝"/>
        <family val="1"/>
        <charset val="128"/>
      </rPr>
      <t>・</t>
    </r>
    <r>
      <rPr>
        <sz val="10"/>
        <rFont val="ＭＳ 明朝"/>
        <family val="1"/>
        <charset val="128"/>
      </rPr>
      <t>　備品･消耗品費　</t>
    </r>
    <r>
      <rPr>
        <b/>
        <sz val="10"/>
        <rFont val="ＭＳ 明朝"/>
        <family val="1"/>
        <charset val="128"/>
      </rPr>
      <t>・</t>
    </r>
    <r>
      <rPr>
        <sz val="10"/>
        <rFont val="ＭＳ 明朝"/>
        <family val="1"/>
        <charset val="128"/>
      </rPr>
      <t>　事務所費</t>
    </r>
    <rPh sb="0" eb="1">
      <t>ヒカリ</t>
    </rPh>
    <rPh sb="1" eb="2">
      <t>ネツ</t>
    </rPh>
    <rPh sb="2" eb="3">
      <t>スイ</t>
    </rPh>
    <rPh sb="3" eb="4">
      <t>ヒ</t>
    </rPh>
    <rPh sb="7" eb="9">
      <t>ビヒン</t>
    </rPh>
    <rPh sb="10" eb="12">
      <t>ショウモウ</t>
    </rPh>
    <rPh sb="12" eb="13">
      <t>ヒン</t>
    </rPh>
    <rPh sb="13" eb="14">
      <t>ヒ</t>
    </rPh>
    <rPh sb="17" eb="19">
      <t>ジム</t>
    </rPh>
    <rPh sb="19" eb="20">
      <t>ショ</t>
    </rPh>
    <rPh sb="20" eb="21">
      <t>ヒ</t>
    </rPh>
    <phoneticPr fontId="2"/>
  </si>
  <si>
    <r>
      <t>(寄附のうち寄附のあっせんによるもの</t>
    </r>
    <r>
      <rPr>
        <sz val="12"/>
        <rFont val="ＭＳ 明朝"/>
        <family val="1"/>
        <charset val="128"/>
      </rPr>
      <t>)</t>
    </r>
    <rPh sb="1" eb="3">
      <t>キフ</t>
    </rPh>
    <rPh sb="6" eb="8">
      <t>キフ</t>
    </rPh>
    <phoneticPr fontId="2"/>
  </si>
  <si>
    <t>寄 附 者 の 区 分</t>
    <rPh sb="0" eb="1">
      <t>ヤドリキ</t>
    </rPh>
    <rPh sb="2" eb="3">
      <t>フ</t>
    </rPh>
    <rPh sb="4" eb="5">
      <t>モノ</t>
    </rPh>
    <rPh sb="8" eb="9">
      <t>ク</t>
    </rPh>
    <rPh sb="10" eb="11">
      <t>ブン</t>
    </rPh>
    <phoneticPr fontId="4"/>
  </si>
  <si>
    <t>（右のいずれかを○で囲む）</t>
    <rPh sb="1" eb="2">
      <t>ミギ</t>
    </rPh>
    <rPh sb="10" eb="11">
      <t>カコ</t>
    </rPh>
    <phoneticPr fontId="2"/>
  </si>
  <si>
    <t>あっせん者の区分</t>
    <rPh sb="4" eb="5">
      <t>モノ</t>
    </rPh>
    <rPh sb="6" eb="8">
      <t>クブン</t>
    </rPh>
    <phoneticPr fontId="4"/>
  </si>
  <si>
    <t>対価の支払をした者の区分</t>
    <phoneticPr fontId="4"/>
  </si>
  <si>
    <t>対価の支払のあっせん者の区分</t>
    <rPh sb="0" eb="2">
      <t>タイカ</t>
    </rPh>
    <rPh sb="3" eb="5">
      <t>シハライ</t>
    </rPh>
    <rPh sb="10" eb="11">
      <t>モノ</t>
    </rPh>
    <rPh sb="12" eb="14">
      <t>クブン</t>
    </rPh>
    <phoneticPr fontId="4"/>
  </si>
  <si>
    <t>国会議員関係政治団体に</t>
    <rPh sb="0" eb="2">
      <t>コッカイ</t>
    </rPh>
    <rPh sb="2" eb="4">
      <t>ギイン</t>
    </rPh>
    <rPh sb="4" eb="6">
      <t>カンケイ</t>
    </rPh>
    <rPh sb="6" eb="8">
      <t>セイジ</t>
    </rPh>
    <rPh sb="8" eb="10">
      <t>ダンタイ</t>
    </rPh>
    <phoneticPr fontId="2"/>
  </si>
  <si>
    <t>関する特例の適用期間</t>
    <rPh sb="3" eb="5">
      <t>トクレイ</t>
    </rPh>
    <rPh sb="6" eb="8">
      <t>テキヨウ</t>
    </rPh>
    <rPh sb="8" eb="10">
      <t>キカン</t>
    </rPh>
    <phoneticPr fontId="2"/>
  </si>
  <si>
    <t>(※)</t>
    <phoneticPr fontId="2"/>
  </si>
  <si>
    <r>
      <t>(</t>
    </r>
    <r>
      <rPr>
        <sz val="12"/>
        <rFont val="ＭＳ 明朝"/>
        <family val="1"/>
        <charset val="128"/>
      </rPr>
      <t>3</t>
    </r>
    <r>
      <rPr>
        <sz val="12"/>
        <rFont val="ＭＳ 明朝"/>
        <family val="1"/>
        <charset val="128"/>
      </rPr>
      <t>) 政　治　活　動　費　の　内　訳</t>
    </r>
    <rPh sb="4" eb="5">
      <t>セイ</t>
    </rPh>
    <rPh sb="6" eb="7">
      <t>オサム</t>
    </rPh>
    <rPh sb="8" eb="9">
      <t>カツ</t>
    </rPh>
    <rPh sb="10" eb="11">
      <t>ドウ</t>
    </rPh>
    <rPh sb="12" eb="13">
      <t>ヒ</t>
    </rPh>
    <rPh sb="16" eb="17">
      <t>ナイ</t>
    </rPh>
    <rPh sb="18" eb="19">
      <t>ヤク</t>
    </rPh>
    <phoneticPr fontId="4"/>
  </si>
  <si>
    <t>（その15）</t>
    <phoneticPr fontId="2"/>
  </si>
  <si>
    <t>　組織活動費　　選挙関係費　　機関紙誌の発行事業費　　宣伝事業費
　政治資金パーティー開催事業費　　　その他の事業費　　調査研究費
　寄附・交付金　その他の経費</t>
    <phoneticPr fontId="2"/>
  </si>
  <si>
    <t>備　　 考</t>
    <rPh sb="0" eb="1">
      <t>ソナエ</t>
    </rPh>
    <rPh sb="4" eb="5">
      <t>コウ</t>
    </rPh>
    <phoneticPr fontId="4"/>
  </si>
  <si>
    <t>細  目  別  区  分</t>
    <rPh sb="0" eb="1">
      <t>ホソ</t>
    </rPh>
    <rPh sb="3" eb="4">
      <t>メ</t>
    </rPh>
    <rPh sb="6" eb="7">
      <t>ベツ</t>
    </rPh>
    <rPh sb="9" eb="10">
      <t>ク</t>
    </rPh>
    <rPh sb="12" eb="13">
      <t>ブン</t>
    </rPh>
    <phoneticPr fontId="2"/>
  </si>
  <si>
    <r>
      <rPr>
        <sz val="12"/>
        <rFont val="ＭＳ 明朝"/>
        <family val="1"/>
        <charset val="128"/>
      </rPr>
      <t>項  目  別  区  分</t>
    </r>
    <r>
      <rPr>
        <sz val="11"/>
        <rFont val="ＭＳ ゴシック"/>
        <family val="3"/>
        <charset val="128"/>
      </rPr>
      <t>（下のいずれかを○で囲む）</t>
    </r>
    <rPh sb="0" eb="1">
      <t>コウ</t>
    </rPh>
    <rPh sb="3" eb="4">
      <t>メ</t>
    </rPh>
    <rPh sb="6" eb="7">
      <t>ベツ</t>
    </rPh>
    <rPh sb="9" eb="10">
      <t>ク</t>
    </rPh>
    <rPh sb="12" eb="13">
      <t>ブン</t>
    </rPh>
    <rPh sb="14" eb="15">
      <t>シタ</t>
    </rPh>
    <phoneticPr fontId="4"/>
  </si>
  <si>
    <r>
      <t>その</t>
    </r>
    <r>
      <rPr>
        <sz val="12"/>
        <rFont val="ＭＳ 明朝"/>
        <family val="1"/>
        <charset val="128"/>
      </rPr>
      <t>他</t>
    </r>
    <r>
      <rPr>
        <sz val="12"/>
        <rFont val="ＭＳ 明朝"/>
        <family val="1"/>
        <charset val="128"/>
      </rPr>
      <t>の寄附</t>
    </r>
    <rPh sb="2" eb="3">
      <t>タ</t>
    </rPh>
    <rPh sb="4" eb="6">
      <t>キフ</t>
    </rPh>
    <phoneticPr fontId="4"/>
  </si>
  <si>
    <t>３　不動産の利用の現況</t>
    <rPh sb="2" eb="5">
      <t>フドウサン</t>
    </rPh>
    <rPh sb="6" eb="8">
      <t>リヨウ</t>
    </rPh>
    <rPh sb="9" eb="11">
      <t>ゲンキョウ</t>
    </rPh>
    <phoneticPr fontId="4"/>
  </si>
  <si>
    <t>団 体 コ ー ド</t>
    <phoneticPr fontId="2"/>
  </si>
  <si>
    <t>・　・</t>
    <phoneticPr fontId="2"/>
  </si>
  <si>
    <t>・　　・</t>
    <phoneticPr fontId="2"/>
  </si>
  <si>
    <t>・ 　・</t>
    <phoneticPr fontId="2"/>
  </si>
  <si>
    <t>預金(普通預金及び当座預金を除く。)又は貯金(普通
貯金を除く。)</t>
    <rPh sb="0" eb="2">
      <t>ヨキン</t>
    </rPh>
    <rPh sb="3" eb="5">
      <t>フツウ</t>
    </rPh>
    <rPh sb="5" eb="7">
      <t>ヨキン</t>
    </rPh>
    <rPh sb="7" eb="8">
      <t>オヨ</t>
    </rPh>
    <rPh sb="9" eb="11">
      <t>トウザ</t>
    </rPh>
    <rPh sb="11" eb="13">
      <t>ヨキン</t>
    </rPh>
    <rPh sb="14" eb="15">
      <t>ノゾ</t>
    </rPh>
    <rPh sb="18" eb="19">
      <t>マタ</t>
    </rPh>
    <rPh sb="20" eb="22">
      <t>チョキン</t>
    </rPh>
    <rPh sb="23" eb="25">
      <t>フツウ</t>
    </rPh>
    <rPh sb="26" eb="28">
      <t>チョキン</t>
    </rPh>
    <rPh sb="29" eb="30">
      <t>ノゾ</t>
    </rPh>
    <phoneticPr fontId="2"/>
  </si>
  <si>
    <t>預金(普通預金及び当座預金を除く。)又は貯金(普通貯金を
除く。)</t>
    <rPh sb="18" eb="19">
      <t>マタ</t>
    </rPh>
    <phoneticPr fontId="4"/>
  </si>
  <si>
    <t xml:space="preserve">   令和　   　　年分</t>
    <rPh sb="3" eb="5">
      <t>レイワ</t>
    </rPh>
    <phoneticPr fontId="2"/>
  </si>
  <si>
    <t>令和　　年　　月　　日から</t>
    <rPh sb="0" eb="2">
      <t>レイワ</t>
    </rPh>
    <rPh sb="4" eb="5">
      <t>ネン</t>
    </rPh>
    <rPh sb="7" eb="8">
      <t>ツキ</t>
    </rPh>
    <rPh sb="10" eb="11">
      <t>ヒ</t>
    </rPh>
    <phoneticPr fontId="2"/>
  </si>
  <si>
    <t>令和　　年　　月　　日まで</t>
    <rPh sb="0" eb="2">
      <t>レイワ</t>
    </rPh>
    <rPh sb="4" eb="5">
      <t>ネン</t>
    </rPh>
    <rPh sb="7" eb="8">
      <t>ツキ</t>
    </rPh>
    <rPh sb="10" eb="11">
      <t>ヒ</t>
    </rPh>
    <phoneticPr fontId="2"/>
  </si>
  <si>
    <t>※以下 指定「有」の場合のみ記載</t>
    <rPh sb="1" eb="3">
      <t>イカ</t>
    </rPh>
    <rPh sb="4" eb="6">
      <t>シテイ</t>
    </rPh>
    <rPh sb="7" eb="8">
      <t>アリ</t>
    </rPh>
    <rPh sb="10" eb="12">
      <t>バアイ</t>
    </rPh>
    <phoneticPr fontId="2"/>
  </si>
  <si>
    <t>※報告対象年の途中で資金管理団体の指
　定・取消をした場合のみ記載。</t>
    <rPh sb="1" eb="3">
      <t>ホウコク</t>
    </rPh>
    <rPh sb="3" eb="5">
      <t>タイショウ</t>
    </rPh>
    <rPh sb="5" eb="6">
      <t>ネン</t>
    </rPh>
    <rPh sb="7" eb="9">
      <t>トチュウ</t>
    </rPh>
    <rPh sb="10" eb="12">
      <t>シキン</t>
    </rPh>
    <rPh sb="12" eb="14">
      <t>カンリ</t>
    </rPh>
    <rPh sb="14" eb="16">
      <t>ダンタイ</t>
    </rPh>
    <rPh sb="17" eb="18">
      <t>ユビ</t>
    </rPh>
    <rPh sb="20" eb="21">
      <t>サダム</t>
    </rPh>
    <rPh sb="22" eb="24">
      <t>トリケ</t>
    </rPh>
    <rPh sb="27" eb="29">
      <t>バアイ</t>
    </rPh>
    <phoneticPr fontId="2"/>
  </si>
  <si>
    <t>※報告対象年の途中で国会議員関係政治団
体の指定・取消をした場合のみ記載。</t>
    <rPh sb="1" eb="3">
      <t>ホウコク</t>
    </rPh>
    <rPh sb="3" eb="5">
      <t>タイショウ</t>
    </rPh>
    <rPh sb="5" eb="6">
      <t>ネン</t>
    </rPh>
    <rPh sb="7" eb="9">
      <t>トチュウ</t>
    </rPh>
    <rPh sb="10" eb="12">
      <t>コッカイ</t>
    </rPh>
    <rPh sb="12" eb="14">
      <t>ギイン</t>
    </rPh>
    <rPh sb="14" eb="16">
      <t>カンケイ</t>
    </rPh>
    <rPh sb="16" eb="18">
      <t>セイジ</t>
    </rPh>
    <rPh sb="18" eb="19">
      <t>ダン</t>
    </rPh>
    <rPh sb="20" eb="21">
      <t>カラダ</t>
    </rPh>
    <rPh sb="22" eb="24">
      <t>シテイ</t>
    </rPh>
    <rPh sb="25" eb="27">
      <t>トリケ</t>
    </rPh>
    <rPh sb="30" eb="32">
      <t>バアイ</t>
    </rPh>
    <phoneticPr fontId="2"/>
  </si>
  <si>
    <t>＊この部分は何も記載しないでください。</t>
  </si>
  <si>
    <t xml:space="preserve"> 注1 すべての事業収入を記載してください。
 　2 この用紙が２枚以上にわたる場合、｢合計｣
     欄は、最終ページにのみ記載してください。
 　3 政治資金パーティーを開催した場合、「備
　　 考」欄に、開催年月日、開催場所(会場の
     所在地及び名称）を記載してください。</t>
    <rPh sb="1" eb="2">
      <t>チュウ</t>
    </rPh>
    <rPh sb="8" eb="10">
      <t>ジギョウ</t>
    </rPh>
    <rPh sb="10" eb="12">
      <t>シュウニュウ</t>
    </rPh>
    <rPh sb="29" eb="31">
      <t>ヨウシ</t>
    </rPh>
    <rPh sb="33" eb="34">
      <t>マイ</t>
    </rPh>
    <rPh sb="34" eb="36">
      <t>イジョウ</t>
    </rPh>
    <rPh sb="40" eb="42">
      <t>バアイ</t>
    </rPh>
    <rPh sb="44" eb="45">
      <t>ゴウ</t>
    </rPh>
    <rPh sb="45" eb="46">
      <t>ケイ</t>
    </rPh>
    <rPh sb="53" eb="54">
      <t>ラン</t>
    </rPh>
    <rPh sb="56" eb="57">
      <t>サイ</t>
    </rPh>
    <rPh sb="57" eb="58">
      <t>オ</t>
    </rPh>
    <rPh sb="78" eb="80">
      <t>セイジ</t>
    </rPh>
    <rPh sb="80" eb="82">
      <t>シキン</t>
    </rPh>
    <rPh sb="88" eb="90">
      <t>カイサイ</t>
    </rPh>
    <rPh sb="103" eb="104">
      <t>ラン</t>
    </rPh>
    <rPh sb="106" eb="108">
      <t>カイサイ</t>
    </rPh>
    <rPh sb="108" eb="111">
      <t>ネンガッピ</t>
    </rPh>
    <rPh sb="112" eb="114">
      <t>カイサイ</t>
    </rPh>
    <rPh sb="129" eb="130">
      <t>オヨ</t>
    </rPh>
    <rPh sb="131" eb="133">
      <t>メイショウ</t>
    </rPh>
    <phoneticPr fontId="4"/>
  </si>
  <si>
    <t xml:space="preserve"> 注 この用紙が２枚以上にわたる場合、｢合計｣欄は、最終ページにのみ記載してください。</t>
    <rPh sb="1" eb="2">
      <t>チュウ</t>
    </rPh>
    <phoneticPr fontId="2"/>
  </si>
  <si>
    <r>
      <t xml:space="preserve"> 注1 対価に係る収入の金額が</t>
    </r>
    <r>
      <rPr>
        <u/>
        <sz val="10"/>
        <rFont val="ＭＳ ゴシック"/>
        <family val="3"/>
        <charset val="128"/>
      </rPr>
      <t>1,000万円以上の政治資</t>
    </r>
    <r>
      <rPr>
        <sz val="10"/>
        <rFont val="ＭＳ 明朝"/>
        <family val="1"/>
        <charset val="128"/>
      </rPr>
      <t xml:space="preserve">
　　 </t>
    </r>
    <r>
      <rPr>
        <u/>
        <sz val="10"/>
        <rFont val="ＭＳ ゴシック"/>
        <family val="3"/>
        <charset val="128"/>
      </rPr>
      <t>金パーティー</t>
    </r>
    <r>
      <rPr>
        <sz val="10"/>
        <rFont val="ＭＳ 明朝"/>
        <family val="1"/>
        <charset val="128"/>
      </rPr>
      <t xml:space="preserve">について記載してください。
　 2 この用紙が２枚以上にわたる場合、｢合計｣欄は、
　　 最終ページにのみ記載してください｡ </t>
    </r>
    <rPh sb="25" eb="27">
      <t>セイジ</t>
    </rPh>
    <rPh sb="43" eb="44">
      <t>サイ</t>
    </rPh>
    <rPh sb="92" eb="93">
      <t>サイ</t>
    </rPh>
    <phoneticPr fontId="4"/>
  </si>
  <si>
    <r>
      <t xml:space="preserve"> 注1 政治資金パーティーごとに、それぞれ別の用紙を使用してください。
 　2 対価の支払をした者の区分は、</t>
    </r>
    <r>
      <rPr>
        <u/>
        <sz val="10"/>
        <rFont val="ＭＳ ゴシック"/>
        <family val="3"/>
        <charset val="128"/>
      </rPr>
      <t>｢個人･法人その他の団体･政治団体｣のい</t>
    </r>
    <r>
      <rPr>
        <sz val="10"/>
        <rFont val="ＭＳ ゴシック"/>
        <family val="3"/>
        <charset val="128"/>
      </rPr>
      <t xml:space="preserve">
     </t>
    </r>
    <r>
      <rPr>
        <u/>
        <sz val="10"/>
        <rFont val="ＭＳ ゴシック"/>
        <family val="3"/>
        <charset val="128"/>
      </rPr>
      <t>ずれかを○で囲み</t>
    </r>
    <r>
      <rPr>
        <sz val="10"/>
        <rFont val="ＭＳ 明朝"/>
        <family val="1"/>
        <charset val="128"/>
      </rPr>
      <t>、それぞれ別の用紙を使用してください。
　 3 １パーティーで、同一の者からの対価の支払が、</t>
    </r>
    <r>
      <rPr>
        <u/>
        <sz val="10"/>
        <rFont val="ＭＳ ゴシック"/>
        <family val="3"/>
        <charset val="128"/>
      </rPr>
      <t>20万円を超えるものの</t>
    </r>
    <r>
      <rPr>
        <sz val="10"/>
        <rFont val="ＭＳ ゴシック"/>
        <family val="3"/>
        <charset val="128"/>
      </rPr>
      <t xml:space="preserve">
     </t>
    </r>
    <r>
      <rPr>
        <u/>
        <sz val="10"/>
        <rFont val="ＭＳ ゴシック"/>
        <family val="3"/>
        <charset val="128"/>
      </rPr>
      <t>み</t>
    </r>
    <r>
      <rPr>
        <sz val="10"/>
        <rFont val="ＭＳ 明朝"/>
        <family val="1"/>
        <charset val="128"/>
      </rPr>
      <t xml:space="preserve">を個別に記載してください。
 　4 この用紙が２枚以上にわたる場合、｢合計｣欄は、最終ページにのみ記載
     してください｡ </t>
    </r>
    <rPh sb="1" eb="2">
      <t>チュウ</t>
    </rPh>
    <rPh sb="4" eb="6">
      <t>セイジ</t>
    </rPh>
    <rPh sb="6" eb="8">
      <t>シキン</t>
    </rPh>
    <rPh sb="21" eb="22">
      <t>ベツ</t>
    </rPh>
    <rPh sb="23" eb="25">
      <t>ヨウシ</t>
    </rPh>
    <rPh sb="26" eb="28">
      <t>シヨウ</t>
    </rPh>
    <rPh sb="40" eb="42">
      <t>タイカ</t>
    </rPh>
    <rPh sb="43" eb="45">
      <t>シハラ</t>
    </rPh>
    <rPh sb="48" eb="49">
      <t>シャ</t>
    </rPh>
    <rPh sb="120" eb="124">
      <t>ドウイツノモノ</t>
    </rPh>
    <rPh sb="127" eb="129">
      <t>タイカ</t>
    </rPh>
    <rPh sb="130" eb="132">
      <t>シハライ</t>
    </rPh>
    <rPh sb="157" eb="158">
      <t>サイ</t>
    </rPh>
    <rPh sb="202" eb="203">
      <t>サイ</t>
    </rPh>
    <phoneticPr fontId="4"/>
  </si>
  <si>
    <r>
      <t xml:space="preserve"> 注1 政治資金パーティーごとに、それぞれ別の用紙を使用してください。
 　2 対価の支払のあっせん者の区分は、</t>
    </r>
    <r>
      <rPr>
        <u/>
        <sz val="10"/>
        <rFont val="ＭＳ ゴシック"/>
        <family val="3"/>
        <charset val="128"/>
      </rPr>
      <t>｢個人･法人その他の団体･政治団体｣のいず</t>
    </r>
    <r>
      <rPr>
        <sz val="10"/>
        <rFont val="ＭＳ ゴシック"/>
        <family val="3"/>
        <charset val="128"/>
      </rPr>
      <t xml:space="preserve">
</t>
    </r>
    <r>
      <rPr>
        <sz val="10"/>
        <rFont val="ＭＳ 明朝"/>
        <family val="1"/>
        <charset val="128"/>
      </rPr>
      <t xml:space="preserve">     </t>
    </r>
    <r>
      <rPr>
        <u/>
        <sz val="10"/>
        <rFont val="ＭＳ ゴシック"/>
        <family val="3"/>
        <charset val="128"/>
      </rPr>
      <t>れかを○で囲み</t>
    </r>
    <r>
      <rPr>
        <sz val="10"/>
        <rFont val="ＭＳ 明朝"/>
        <family val="1"/>
        <charset val="128"/>
      </rPr>
      <t>、それぞれ別の用紙を使用してください。
　 3 １パーティーで、同一のあっせん者からの対価の支払が、</t>
    </r>
    <r>
      <rPr>
        <u/>
        <sz val="10"/>
        <rFont val="ＭＳ ゴシック"/>
        <family val="3"/>
        <charset val="128"/>
      </rPr>
      <t>20万円を超えるもの</t>
    </r>
    <r>
      <rPr>
        <sz val="10"/>
        <rFont val="ＭＳ ゴシック"/>
        <family val="3"/>
        <charset val="128"/>
      </rPr>
      <t xml:space="preserve">
     </t>
    </r>
    <r>
      <rPr>
        <u/>
        <sz val="10"/>
        <rFont val="ＭＳ ゴシック"/>
        <family val="3"/>
        <charset val="128"/>
      </rPr>
      <t>のみ</t>
    </r>
    <r>
      <rPr>
        <sz val="10"/>
        <rFont val="ＭＳ 明朝"/>
        <family val="1"/>
        <charset val="128"/>
      </rPr>
      <t xml:space="preserve">を個別に記載してください。
 　4 この用紙が２枚以上にわたる場合、｢合計｣欄は、最終ページにのみ記載してく
　　 ださい｡ </t>
    </r>
    <rPh sb="1" eb="2">
      <t>チュウ</t>
    </rPh>
    <rPh sb="4" eb="6">
      <t>セイジ</t>
    </rPh>
    <rPh sb="6" eb="8">
      <t>シキン</t>
    </rPh>
    <rPh sb="21" eb="22">
      <t>ベツ</t>
    </rPh>
    <rPh sb="23" eb="25">
      <t>ヨウシ</t>
    </rPh>
    <rPh sb="26" eb="28">
      <t>シヨウ</t>
    </rPh>
    <rPh sb="40" eb="42">
      <t>タイカ</t>
    </rPh>
    <rPh sb="43" eb="45">
      <t>シハラ</t>
    </rPh>
    <rPh sb="50" eb="51">
      <t>シャ</t>
    </rPh>
    <rPh sb="133" eb="135">
      <t>タイカ</t>
    </rPh>
    <rPh sb="136" eb="138">
      <t>シハライ</t>
    </rPh>
    <rPh sb="163" eb="164">
      <t>サイ</t>
    </rPh>
    <rPh sb="208" eb="209">
      <t>サイ</t>
    </rPh>
    <phoneticPr fontId="4"/>
  </si>
  <si>
    <r>
      <t xml:space="preserve"> 注1 項目別区分は、</t>
    </r>
    <r>
      <rPr>
        <b/>
        <u/>
        <sz val="10"/>
        <rFont val="ＭＳ ゴシック"/>
        <family val="3"/>
        <charset val="128"/>
      </rPr>
      <t>いずれかを○で囲んでください。</t>
    </r>
    <r>
      <rPr>
        <sz val="10"/>
        <rFont val="ＭＳ 明朝"/>
        <family val="1"/>
        <charset val="128"/>
      </rPr>
      <t xml:space="preserve"> 
   2 細目ごとに、それぞれ別の用紙を使用してください。
　 3 １件(数回にわたってなされたときは、その合計額が)５万円以上の（国会議員関係政
     治団体は１万円を超える）支出はすべて個別に記載し、５万円未満（国会議員関係政
     治団体は１万円以下）の支出は｢その他の支出｣に一括して記載してください。
　 4 この用紙が２枚以上にわたる場合、｢その他の支出｣欄及び｢合計｣欄は、最終ページに
　　 のみ記載してください｡</t>
    </r>
    <rPh sb="4" eb="6">
      <t>コウモク</t>
    </rPh>
    <rPh sb="6" eb="7">
      <t>ベツ</t>
    </rPh>
    <rPh sb="7" eb="9">
      <t>クブン</t>
    </rPh>
    <rPh sb="18" eb="19">
      <t>カコ</t>
    </rPh>
    <rPh sb="33" eb="35">
      <t>サイモク</t>
    </rPh>
    <rPh sb="98" eb="100">
      <t>カンケイ</t>
    </rPh>
    <rPh sb="107" eb="108">
      <t>オサ</t>
    </rPh>
    <rPh sb="129" eb="130">
      <t>サイ</t>
    </rPh>
    <rPh sb="142" eb="144">
      <t>カンケイ</t>
    </rPh>
    <rPh sb="151" eb="152">
      <t>オサ</t>
    </rPh>
    <rPh sb="179" eb="180">
      <t>サイ</t>
    </rPh>
    <rPh sb="239" eb="240">
      <t>サイ</t>
    </rPh>
    <phoneticPr fontId="4"/>
  </si>
  <si>
    <t>注1 各項目の資産の有無について、｢□｣内をチェックしてください。
　2 ｢有｣をチェックした場合は、(その18)の該当する項目別区分に記載してください。</t>
    <rPh sb="3" eb="6">
      <t>カクコウモク</t>
    </rPh>
    <rPh sb="7" eb="9">
      <t>シサン</t>
    </rPh>
    <phoneticPr fontId="4"/>
  </si>
  <si>
    <t>注1 (その17)で「ア 土地」にチェックした場合は、その内訳をこの用紙に記載してください。
　2 ｢摘要｣欄には、所在を記載してください。
　3 ｢金額｣欄には、取得の価額を記載してください。
　</t>
    <rPh sb="13" eb="15">
      <t>トチ</t>
    </rPh>
    <rPh sb="23" eb="25">
      <t>バアイ</t>
    </rPh>
    <rPh sb="29" eb="31">
      <t>ウチワケ</t>
    </rPh>
    <rPh sb="34" eb="36">
      <t>ヨウシ</t>
    </rPh>
    <phoneticPr fontId="4"/>
  </si>
  <si>
    <t xml:space="preserve">注1 (その17)で「イ 建物」にチェックした場合は、その内訳をこの用紙に記載してください。
　2 ｢摘要｣欄には、所在を記載してください。
　3 ｢金額｣欄には、取得の価額を記載してください。
</t>
    <rPh sb="13" eb="15">
      <t>タテモノ</t>
    </rPh>
    <rPh sb="23" eb="25">
      <t>バアイ</t>
    </rPh>
    <rPh sb="29" eb="31">
      <t>ウチワケ</t>
    </rPh>
    <rPh sb="34" eb="36">
      <t>ヨウシ</t>
    </rPh>
    <phoneticPr fontId="4"/>
  </si>
  <si>
    <t>注1 (その17)で「ウ 建物の所有を目的とする地上権又は土地の賃借権」にチェックした場合は、その内訳をこの用紙に記載してください。
　2 ｢摘要｣欄には、所在及び地上権又は賃借権の別を記載してください。
　3 ｢金額｣欄には、権利の取得の価額を記載してください。
　</t>
    <rPh sb="13" eb="15">
      <t>タテモノ</t>
    </rPh>
    <rPh sb="16" eb="18">
      <t>ショユウ</t>
    </rPh>
    <rPh sb="19" eb="21">
      <t>モクテキ</t>
    </rPh>
    <rPh sb="24" eb="27">
      <t>チジョウケン</t>
    </rPh>
    <rPh sb="27" eb="28">
      <t>マタ</t>
    </rPh>
    <rPh sb="29" eb="31">
      <t>トチ</t>
    </rPh>
    <rPh sb="43" eb="45">
      <t>バアイ</t>
    </rPh>
    <rPh sb="49" eb="51">
      <t>ウチワケ</t>
    </rPh>
    <rPh sb="54" eb="56">
      <t>ヨウシ</t>
    </rPh>
    <rPh sb="80" eb="81">
      <t>オヨ</t>
    </rPh>
    <rPh sb="82" eb="85">
      <t>チジョウケン</t>
    </rPh>
    <rPh sb="85" eb="86">
      <t>マタ</t>
    </rPh>
    <rPh sb="87" eb="90">
      <t>チンシャクケン</t>
    </rPh>
    <rPh sb="91" eb="92">
      <t>ベツ</t>
    </rPh>
    <rPh sb="114" eb="116">
      <t>ケンリ</t>
    </rPh>
    <phoneticPr fontId="4"/>
  </si>
  <si>
    <t>注1 (その17)で「カ 金銭信託」にチェックした場合は、その内訳をこの用紙に記載してください。
　2 ｢摘要｣欄には、「金銭信託」と記載してください。
　3 ｢金額｣欄には、信託している金銭の額を記載してください。
　</t>
    <rPh sb="13" eb="15">
      <t>キンセン</t>
    </rPh>
    <rPh sb="15" eb="17">
      <t>シンタク</t>
    </rPh>
    <rPh sb="25" eb="27">
      <t>バアイ</t>
    </rPh>
    <rPh sb="31" eb="33">
      <t>ウチワケ</t>
    </rPh>
    <rPh sb="36" eb="38">
      <t>ヨウシ</t>
    </rPh>
    <rPh sb="61" eb="63">
      <t>キンセン</t>
    </rPh>
    <rPh sb="63" eb="65">
      <t>シンタク</t>
    </rPh>
    <rPh sb="88" eb="90">
      <t>シンタク</t>
    </rPh>
    <rPh sb="94" eb="96">
      <t>キンセン</t>
    </rPh>
    <rPh sb="97" eb="98">
      <t>ガク</t>
    </rPh>
    <phoneticPr fontId="4"/>
  </si>
  <si>
    <t xml:space="preserve">注1 (その17)で「キ 有価証券」にチェックした場合は、その内訳をこの用紙に記載してください。
　2 ｢摘要｣欄には、種類を記載してください。
　3 ｢金額｣欄には、取得の価額を記載してください。
　4 ｢備考｣欄には、銘柄及び数量を記載してください。
</t>
    <rPh sb="13" eb="15">
      <t>ユウカ</t>
    </rPh>
    <rPh sb="15" eb="17">
      <t>ショウケン</t>
    </rPh>
    <rPh sb="25" eb="27">
      <t>バアイ</t>
    </rPh>
    <rPh sb="31" eb="33">
      <t>ウチワケ</t>
    </rPh>
    <rPh sb="36" eb="38">
      <t>ヨウシ</t>
    </rPh>
    <rPh sb="60" eb="62">
      <t>シュルイ</t>
    </rPh>
    <rPh sb="84" eb="86">
      <t>シュトク</t>
    </rPh>
    <rPh sb="88" eb="89">
      <t>ガク</t>
    </rPh>
    <rPh sb="104" eb="106">
      <t>ビコウ</t>
    </rPh>
    <rPh sb="107" eb="108">
      <t>ラン</t>
    </rPh>
    <rPh sb="111" eb="113">
      <t>メイガラ</t>
    </rPh>
    <rPh sb="113" eb="114">
      <t>オヨ</t>
    </rPh>
    <rPh sb="115" eb="117">
      <t>スウリョウ</t>
    </rPh>
    <phoneticPr fontId="4"/>
  </si>
  <si>
    <t>注1 (その17)で「ク 出資による権利」にチェックした場合は、その内訳をこの用紙に記載してください。
　2 ｢摘要｣欄には、出資先を記載してください。
　3 ｢金額｣欄には、出資先ごとの金額を記載してください。
　</t>
    <rPh sb="13" eb="15">
      <t>シュッシ</t>
    </rPh>
    <rPh sb="18" eb="20">
      <t>ケンリ</t>
    </rPh>
    <rPh sb="28" eb="30">
      <t>バアイ</t>
    </rPh>
    <rPh sb="34" eb="36">
      <t>ウチワケ</t>
    </rPh>
    <rPh sb="39" eb="41">
      <t>ヨウシ</t>
    </rPh>
    <rPh sb="63" eb="66">
      <t>シュッシサキ</t>
    </rPh>
    <rPh sb="88" eb="91">
      <t>シュッシサキ</t>
    </rPh>
    <rPh sb="94" eb="96">
      <t>キンガク</t>
    </rPh>
    <phoneticPr fontId="4"/>
  </si>
  <si>
    <t>注1 (その17)で「ケ 貸付先ごとの残高が100万円を超える貸付金」にチェックした場合は、その内訳をこの用紙に記載してください。
　2 ｢摘要｣欄には、貸付先を記載してください。
　3 ｢金額｣欄には、貸付先ごとの残高を記載してください。
　　※　前年以前の貸付金残高がある場合は、その分も含めた残高を記載してください。</t>
    <rPh sb="13" eb="16">
      <t>カシツケサキ</t>
    </rPh>
    <rPh sb="19" eb="21">
      <t>ザンダカ</t>
    </rPh>
    <rPh sb="25" eb="27">
      <t>マンエン</t>
    </rPh>
    <rPh sb="28" eb="29">
      <t>コ</t>
    </rPh>
    <rPh sb="31" eb="34">
      <t>カシツケキン</t>
    </rPh>
    <rPh sb="42" eb="44">
      <t>バアイ</t>
    </rPh>
    <rPh sb="48" eb="50">
      <t>ウチワケ</t>
    </rPh>
    <rPh sb="53" eb="55">
      <t>ヨウシ</t>
    </rPh>
    <rPh sb="77" eb="80">
      <t>カシツケサキ</t>
    </rPh>
    <rPh sb="102" eb="105">
      <t>カシツケサキ</t>
    </rPh>
    <rPh sb="108" eb="110">
      <t>ザンダカ</t>
    </rPh>
    <rPh sb="132" eb="133">
      <t>キン</t>
    </rPh>
    <rPh sb="133" eb="135">
      <t>ザンダカ</t>
    </rPh>
    <rPh sb="146" eb="147">
      <t>フク</t>
    </rPh>
    <rPh sb="149" eb="151">
      <t>ザンダカ</t>
    </rPh>
    <phoneticPr fontId="4"/>
  </si>
  <si>
    <t>注1 (その17)で「コ 支払われた金額が100万円を超える敷金」にチェックした場合は、その内訳をこの用紙に記載してください。
　2 ｢摘要｣欄には、支払先を記載してください。
　3 ｢金額｣欄には、敷金の額を記載してください。
　</t>
    <rPh sb="13" eb="15">
      <t>シハラ</t>
    </rPh>
    <rPh sb="18" eb="20">
      <t>キンガク</t>
    </rPh>
    <rPh sb="24" eb="26">
      <t>マンエン</t>
    </rPh>
    <rPh sb="27" eb="28">
      <t>コ</t>
    </rPh>
    <rPh sb="30" eb="32">
      <t>シキキン</t>
    </rPh>
    <rPh sb="40" eb="42">
      <t>バアイ</t>
    </rPh>
    <rPh sb="46" eb="48">
      <t>ウチワケ</t>
    </rPh>
    <rPh sb="51" eb="53">
      <t>ヨウシ</t>
    </rPh>
    <phoneticPr fontId="4"/>
  </si>
  <si>
    <t xml:space="preserve">注1 (その17)で「サ 取得の価額が100万円を超える施設の利用に関する権利」にチェックした場合は、その内訳をこの用紙に記載してください。
　2 ｢摘要｣欄には、施設の利用に関する権利の種類を記載してください。
　3 ｢金額｣欄には、取得の価額を記載してください。
　4 ｢備考｣欄には、施設の名称を記載してください。
</t>
    <rPh sb="13" eb="15">
      <t>シュトク</t>
    </rPh>
    <rPh sb="16" eb="18">
      <t>カガク</t>
    </rPh>
    <rPh sb="22" eb="24">
      <t>マンエン</t>
    </rPh>
    <rPh sb="25" eb="26">
      <t>コ</t>
    </rPh>
    <rPh sb="28" eb="30">
      <t>シセツ</t>
    </rPh>
    <rPh sb="31" eb="33">
      <t>リヨウ</t>
    </rPh>
    <rPh sb="34" eb="35">
      <t>カン</t>
    </rPh>
    <rPh sb="37" eb="39">
      <t>ケンリ</t>
    </rPh>
    <rPh sb="47" eb="49">
      <t>バアイ</t>
    </rPh>
    <rPh sb="53" eb="55">
      <t>ウチワケ</t>
    </rPh>
    <rPh sb="58" eb="60">
      <t>ヨウシ</t>
    </rPh>
    <rPh sb="82" eb="84">
      <t>シセツ</t>
    </rPh>
    <rPh sb="85" eb="87">
      <t>リヨウ</t>
    </rPh>
    <rPh sb="88" eb="89">
      <t>カン</t>
    </rPh>
    <rPh sb="91" eb="93">
      <t>ケンリ</t>
    </rPh>
    <rPh sb="94" eb="96">
      <t>シュルイ</t>
    </rPh>
    <rPh sb="118" eb="120">
      <t>シュトク</t>
    </rPh>
    <rPh sb="121" eb="123">
      <t>カガク</t>
    </rPh>
    <rPh sb="138" eb="140">
      <t>ビコウ</t>
    </rPh>
    <rPh sb="141" eb="142">
      <t>ラン</t>
    </rPh>
    <rPh sb="145" eb="147">
      <t>シセツ</t>
    </rPh>
    <rPh sb="148" eb="150">
      <t>メイショウ</t>
    </rPh>
    <phoneticPr fontId="4"/>
  </si>
  <si>
    <t>注1 (その17)で「シ 借入先ごとの残高が100万円を超える借入金」にチェックした場合は、その内訳をこの用紙に記載してください。
　2 ｢摘要｣欄には、借入先を記載してください。
　3 ｢金額｣欄には、借入先ごとの残高を記載してください。
　　※ 前年以前の借入金残高がある場合は、その分も含めた残高を記載してください。</t>
    <rPh sb="13" eb="16">
      <t>カリイレサキ</t>
    </rPh>
    <rPh sb="19" eb="21">
      <t>ザンダカ</t>
    </rPh>
    <rPh sb="25" eb="27">
      <t>マンエン</t>
    </rPh>
    <rPh sb="28" eb="29">
      <t>コ</t>
    </rPh>
    <rPh sb="31" eb="34">
      <t>カリイレキン</t>
    </rPh>
    <rPh sb="42" eb="44">
      <t>バアイ</t>
    </rPh>
    <rPh sb="48" eb="50">
      <t>ウチワケ</t>
    </rPh>
    <rPh sb="53" eb="55">
      <t>ヨウシ</t>
    </rPh>
    <rPh sb="77" eb="80">
      <t>カリイレサキ</t>
    </rPh>
    <rPh sb="102" eb="105">
      <t>カリイレサキ</t>
    </rPh>
    <rPh sb="108" eb="110">
      <t>ザンダカ</t>
    </rPh>
    <rPh sb="130" eb="133">
      <t>カリイレキン</t>
    </rPh>
    <rPh sb="144" eb="145">
      <t>ブン</t>
    </rPh>
    <phoneticPr fontId="4"/>
  </si>
  <si>
    <t>注1 (その17)でアからウまでの資産にチェックした場合は、その利用の現況について記載してください。
　2 (その17)の項目ごとに、それぞれ別の用紙を使用してください。</t>
    <rPh sb="0" eb="1">
      <t>チュウ</t>
    </rPh>
    <rPh sb="17" eb="19">
      <t>シサン</t>
    </rPh>
    <rPh sb="26" eb="28">
      <t>バアイ</t>
    </rPh>
    <rPh sb="32" eb="34">
      <t>リヨウ</t>
    </rPh>
    <rPh sb="35" eb="37">
      <t>ゲンキョウ</t>
    </rPh>
    <rPh sb="61" eb="63">
      <t>コウモク</t>
    </rPh>
    <rPh sb="71" eb="72">
      <t>ベツ</t>
    </rPh>
    <rPh sb="73" eb="75">
      <t>ヨウシ</t>
    </rPh>
    <rPh sb="76" eb="78">
      <t>シヨウ</t>
    </rPh>
    <phoneticPr fontId="2"/>
  </si>
  <si>
    <t>注1 (その17)で「エ 取得の価額が100万円を超える動産」にチェックした場合は、その内訳をこの用紙に記載してください。
　2 ｢摘要｣欄には、品目を記載してください。
　3 ｢金額｣欄には、取得の価額を記載してください。</t>
    <rPh sb="13" eb="15">
      <t>シュトク</t>
    </rPh>
    <rPh sb="16" eb="18">
      <t>カガク</t>
    </rPh>
    <rPh sb="22" eb="24">
      <t>マンエン</t>
    </rPh>
    <rPh sb="25" eb="26">
      <t>コ</t>
    </rPh>
    <rPh sb="28" eb="30">
      <t>ドウサン</t>
    </rPh>
    <rPh sb="38" eb="40">
      <t>バアイ</t>
    </rPh>
    <rPh sb="44" eb="46">
      <t>ウチワケ</t>
    </rPh>
    <rPh sb="49" eb="51">
      <t>ヨウシ</t>
    </rPh>
    <rPh sb="73" eb="75">
      <t>ヒンモク</t>
    </rPh>
    <phoneticPr fontId="4"/>
  </si>
  <si>
    <t xml:space="preserve">　 </t>
    <phoneticPr fontId="4"/>
  </si>
  <si>
    <r>
      <t>注1 (その17)で「</t>
    </r>
    <r>
      <rPr>
        <sz val="9"/>
        <rFont val="ＭＳ 明朝"/>
        <family val="1"/>
        <charset val="128"/>
      </rPr>
      <t>オ 預金(普通預金及び当座預金を除く。)又は貯金(普通貯金を除く。)</t>
    </r>
    <r>
      <rPr>
        <sz val="10"/>
        <rFont val="ＭＳ 明朝"/>
        <family val="1"/>
        <charset val="128"/>
      </rPr>
      <t>」にチェックした場合は、その内訳をこの用紙に記載してください。
　2 ｢摘要｣欄には、「残高」と記載してください。
　3 ｢金額｣欄には、残高を記載してください。</t>
    </r>
    <phoneticPr fontId="2"/>
  </si>
  <si>
    <t>注1 領収書等の添付が必要な支出について、領収書等を徴し難かった事情があり、領収書等を添付できない場合に使用してください。
　2 ｢項目別区分｣及び｢支出の目的｣の欄は、経常経費(人件費を除く。)の内訳(その14)及び政治活動費の内訳(その15)と同様に記載してください。
　　なお、「細目別区分」の欄は、(その15)の内容が対象の場合、記載してください。
　3 会計責任者本人が提出する場合は本人確認書類の提示又は提出を、その代理人が提出する場合は当該代理人の権限を証する書面及び本人確認書
　　類の提示又は提出をしてください。ただし、会計責任者本人の署名その他の措置を講ずる場合は、この限りではありません。</t>
    <rPh sb="0" eb="1">
      <t>チュウ</t>
    </rPh>
    <rPh sb="3" eb="6">
      <t>リョウシュウショ</t>
    </rPh>
    <rPh sb="6" eb="7">
      <t>トウ</t>
    </rPh>
    <rPh sb="8" eb="10">
      <t>テンプ</t>
    </rPh>
    <rPh sb="11" eb="13">
      <t>ヒツヨウ</t>
    </rPh>
    <rPh sb="14" eb="16">
      <t>シシュツ</t>
    </rPh>
    <rPh sb="21" eb="24">
      <t>リョウシュウショ</t>
    </rPh>
    <rPh sb="24" eb="25">
      <t>トウ</t>
    </rPh>
    <rPh sb="26" eb="27">
      <t>チョウ</t>
    </rPh>
    <rPh sb="28" eb="29">
      <t>ガタ</t>
    </rPh>
    <rPh sb="32" eb="34">
      <t>ジジョウ</t>
    </rPh>
    <rPh sb="38" eb="41">
      <t>リョウシュウショ</t>
    </rPh>
    <rPh sb="41" eb="42">
      <t>トウ</t>
    </rPh>
    <rPh sb="43" eb="45">
      <t>テンプ</t>
    </rPh>
    <rPh sb="49" eb="51">
      <t>バアイ</t>
    </rPh>
    <rPh sb="52" eb="54">
      <t>シヨウ</t>
    </rPh>
    <rPh sb="66" eb="69">
      <t>コウモクベツ</t>
    </rPh>
    <rPh sb="69" eb="71">
      <t>クブン</t>
    </rPh>
    <rPh sb="72" eb="73">
      <t>オヨ</t>
    </rPh>
    <rPh sb="75" eb="77">
      <t>シシュツ</t>
    </rPh>
    <rPh sb="78" eb="80">
      <t>モクテキ</t>
    </rPh>
    <rPh sb="82" eb="83">
      <t>ラン</t>
    </rPh>
    <rPh sb="109" eb="111">
      <t>セイジ</t>
    </rPh>
    <rPh sb="111" eb="114">
      <t>カツドウヒ</t>
    </rPh>
    <rPh sb="115" eb="117">
      <t>ウチワケ</t>
    </rPh>
    <rPh sb="124" eb="126">
      <t>ドウヨウ</t>
    </rPh>
    <rPh sb="182" eb="184">
      <t>カイケイ</t>
    </rPh>
    <rPh sb="184" eb="187">
      <t>セキニンシャ</t>
    </rPh>
    <rPh sb="187" eb="189">
      <t>ホンニン</t>
    </rPh>
    <rPh sb="190" eb="192">
      <t>テイシュツ</t>
    </rPh>
    <rPh sb="194" eb="196">
      <t>バアイ</t>
    </rPh>
    <rPh sb="197" eb="199">
      <t>ホンニン</t>
    </rPh>
    <rPh sb="199" eb="201">
      <t>カクニン</t>
    </rPh>
    <rPh sb="201" eb="203">
      <t>ショルイ</t>
    </rPh>
    <rPh sb="204" eb="206">
      <t>テイジ</t>
    </rPh>
    <rPh sb="206" eb="207">
      <t>マタ</t>
    </rPh>
    <rPh sb="208" eb="210">
      <t>テイシュツ</t>
    </rPh>
    <rPh sb="214" eb="217">
      <t>ダイリニン</t>
    </rPh>
    <rPh sb="218" eb="220">
      <t>テイシュツ</t>
    </rPh>
    <rPh sb="222" eb="224">
      <t>バアイ</t>
    </rPh>
    <rPh sb="225" eb="227">
      <t>トウガイ</t>
    </rPh>
    <rPh sb="227" eb="230">
      <t>ダイリニン</t>
    </rPh>
    <rPh sb="231" eb="233">
      <t>ケンゲン</t>
    </rPh>
    <rPh sb="234" eb="235">
      <t>ショウ</t>
    </rPh>
    <rPh sb="237" eb="239">
      <t>ショメン</t>
    </rPh>
    <rPh sb="239" eb="240">
      <t>オヨ</t>
    </rPh>
    <rPh sb="241" eb="243">
      <t>ホンニン</t>
    </rPh>
    <rPh sb="243" eb="245">
      <t>カクニン</t>
    </rPh>
    <phoneticPr fontId="2"/>
  </si>
  <si>
    <t>注1 会計責任者本人が提出する場合は本人確認書類の提示又は提出を、その代理人が提出する場合は当該代理人の権限を証する書面及び本人確認書類の提示
　　又は提出をしてください。ただし、会計責任者本人の署名その他の措置を講ずる場合は、この限りではありません。
　2 政治団体の解散に伴う報告書の場合は、会計責任者の氏名の他、代表者の氏名を記載してください。また、代表者及び会計責任者本人が提出する場合は
　　本人確認書類の提示又は提出を、これらの者の代理人が提出する場合は当該代理人の権限を証する書面及び本人確認書類の提示又は提出をしてください。
　　ただし、代表者及び会計責任者本人の署名その他の措置を講ずる場合は、この限りではありません。</t>
    <rPh sb="0" eb="1">
      <t>チュウ</t>
    </rPh>
    <rPh sb="3" eb="5">
      <t>カイケイ</t>
    </rPh>
    <rPh sb="5" eb="8">
      <t>セキニンシャ</t>
    </rPh>
    <rPh sb="8" eb="10">
      <t>ホンニン</t>
    </rPh>
    <rPh sb="11" eb="13">
      <t>テイシュツ</t>
    </rPh>
    <rPh sb="15" eb="17">
      <t>バアイ</t>
    </rPh>
    <rPh sb="18" eb="20">
      <t>ホンニン</t>
    </rPh>
    <rPh sb="20" eb="22">
      <t>カクニン</t>
    </rPh>
    <rPh sb="22" eb="24">
      <t>ショルイ</t>
    </rPh>
    <rPh sb="25" eb="27">
      <t>テイジ</t>
    </rPh>
    <rPh sb="27" eb="28">
      <t>マタ</t>
    </rPh>
    <rPh sb="29" eb="31">
      <t>テイシュツ</t>
    </rPh>
    <rPh sb="35" eb="38">
      <t>ダイリニン</t>
    </rPh>
    <rPh sb="39" eb="41">
      <t>テイシュツ</t>
    </rPh>
    <rPh sb="43" eb="45">
      <t>バアイ</t>
    </rPh>
    <rPh sb="46" eb="48">
      <t>トウガイ</t>
    </rPh>
    <rPh sb="48" eb="51">
      <t>ダイリニン</t>
    </rPh>
    <rPh sb="52" eb="54">
      <t>ケンゲン</t>
    </rPh>
    <rPh sb="55" eb="56">
      <t>ショウ</t>
    </rPh>
    <rPh sb="58" eb="60">
      <t>ショメン</t>
    </rPh>
    <rPh sb="60" eb="61">
      <t>オヨ</t>
    </rPh>
    <rPh sb="62" eb="64">
      <t>ホンニン</t>
    </rPh>
    <rPh sb="64" eb="66">
      <t>カクニン</t>
    </rPh>
    <rPh sb="66" eb="68">
      <t>ショルイ</t>
    </rPh>
    <rPh sb="69" eb="71">
      <t>テイジ</t>
    </rPh>
    <rPh sb="74" eb="75">
      <t>マタ</t>
    </rPh>
    <rPh sb="76" eb="78">
      <t>テイシュツ</t>
    </rPh>
    <rPh sb="90" eb="92">
      <t>カイケイ</t>
    </rPh>
    <rPh sb="92" eb="95">
      <t>セキニンシャ</t>
    </rPh>
    <rPh sb="95" eb="97">
      <t>ホンニン</t>
    </rPh>
    <rPh sb="98" eb="100">
      <t>ショメイ</t>
    </rPh>
    <rPh sb="102" eb="103">
      <t>タ</t>
    </rPh>
    <rPh sb="104" eb="106">
      <t>ソチ</t>
    </rPh>
    <rPh sb="107" eb="108">
      <t>コウ</t>
    </rPh>
    <rPh sb="110" eb="112">
      <t>バアイ</t>
    </rPh>
    <rPh sb="116" eb="117">
      <t>カギ</t>
    </rPh>
    <rPh sb="130" eb="132">
      <t>セイジ</t>
    </rPh>
    <rPh sb="132" eb="134">
      <t>ダンタイ</t>
    </rPh>
    <rPh sb="135" eb="137">
      <t>カイサン</t>
    </rPh>
    <rPh sb="138" eb="139">
      <t>トモナ</t>
    </rPh>
    <rPh sb="140" eb="143">
      <t>ホウコクショ</t>
    </rPh>
    <rPh sb="144" eb="146">
      <t>バアイ</t>
    </rPh>
    <rPh sb="148" eb="150">
      <t>カイケイ</t>
    </rPh>
    <rPh sb="150" eb="153">
      <t>セキニンシャ</t>
    </rPh>
    <rPh sb="154" eb="156">
      <t>シメイ</t>
    </rPh>
    <rPh sb="157" eb="158">
      <t>ホカ</t>
    </rPh>
    <rPh sb="159" eb="162">
      <t>ダイヒョウシャ</t>
    </rPh>
    <rPh sb="163" eb="165">
      <t>シメイ</t>
    </rPh>
    <rPh sb="166" eb="168">
      <t>キサイ</t>
    </rPh>
    <rPh sb="178" eb="181">
      <t>ダイヒョウシャ</t>
    </rPh>
    <rPh sb="181" eb="182">
      <t>オヨ</t>
    </rPh>
    <rPh sb="183" eb="185">
      <t>カイケイ</t>
    </rPh>
    <rPh sb="185" eb="188">
      <t>セキニンシャ</t>
    </rPh>
    <rPh sb="188" eb="190">
      <t>ホンニン</t>
    </rPh>
    <rPh sb="191" eb="193">
      <t>テイシュツ</t>
    </rPh>
    <rPh sb="195" eb="197">
      <t>バアイ</t>
    </rPh>
    <rPh sb="201" eb="203">
      <t>ホンニン</t>
    </rPh>
    <rPh sb="203" eb="205">
      <t>カクニン</t>
    </rPh>
    <rPh sb="205" eb="207">
      <t>ショルイ</t>
    </rPh>
    <rPh sb="210" eb="211">
      <t>マタ</t>
    </rPh>
    <rPh sb="212" eb="214">
      <t>テイシュツ</t>
    </rPh>
    <rPh sb="220" eb="221">
      <t>モノ</t>
    </rPh>
    <rPh sb="222" eb="225">
      <t>ダイリニン</t>
    </rPh>
    <rPh sb="226" eb="228">
      <t>テイシュツ</t>
    </rPh>
    <rPh sb="230" eb="232">
      <t>バアイ</t>
    </rPh>
    <rPh sb="233" eb="235">
      <t>トウガイ</t>
    </rPh>
    <rPh sb="235" eb="238">
      <t>ダイリニン</t>
    </rPh>
    <rPh sb="239" eb="241">
      <t>ケンゲン</t>
    </rPh>
    <rPh sb="242" eb="243">
      <t>ショウ</t>
    </rPh>
    <rPh sb="245" eb="247">
      <t>ショメン</t>
    </rPh>
    <rPh sb="247" eb="248">
      <t>オヨ</t>
    </rPh>
    <rPh sb="249" eb="251">
      <t>ホンニン</t>
    </rPh>
    <rPh sb="251" eb="253">
      <t>カクニン</t>
    </rPh>
    <rPh sb="253" eb="255">
      <t>ショルイ</t>
    </rPh>
    <rPh sb="256" eb="258">
      <t>テイジ</t>
    </rPh>
    <rPh sb="258" eb="259">
      <t>マタ</t>
    </rPh>
    <rPh sb="260" eb="262">
      <t>テイシュツ</t>
    </rPh>
    <rPh sb="277" eb="280">
      <t>ダイヒョウシャ</t>
    </rPh>
    <rPh sb="280" eb="281">
      <t>オヨ</t>
    </rPh>
    <rPh sb="282" eb="284">
      <t>カイケイ</t>
    </rPh>
    <rPh sb="284" eb="287">
      <t>セキニンシャ</t>
    </rPh>
    <rPh sb="287" eb="289">
      <t>ホンニン</t>
    </rPh>
    <rPh sb="290" eb="292">
      <t>ショメイ</t>
    </rPh>
    <rPh sb="294" eb="295">
      <t>タ</t>
    </rPh>
    <rPh sb="296" eb="298">
      <t>ソチ</t>
    </rPh>
    <rPh sb="299" eb="300">
      <t>コウ</t>
    </rPh>
    <rPh sb="302" eb="304">
      <t>バアイ</t>
    </rPh>
    <rPh sb="308" eb="309">
      <t>カギ</t>
    </rPh>
    <phoneticPr fontId="2"/>
  </si>
  <si>
    <t>団体区分</t>
    <rPh sb="0" eb="2">
      <t>ダンタイ</t>
    </rPh>
    <rPh sb="2" eb="4">
      <t>クブン</t>
    </rPh>
    <phoneticPr fontId="2"/>
  </si>
  <si>
    <t>政・国
資・他</t>
    <rPh sb="2" eb="3">
      <t>クニ</t>
    </rPh>
    <rPh sb="4" eb="5">
      <t>シ</t>
    </rPh>
    <phoneticPr fontId="2"/>
  </si>
  <si>
    <t>Ｎ・Ｇ
Ｋ・他</t>
    <rPh sb="6" eb="7">
      <t>ホカ</t>
    </rPh>
    <phoneticPr fontId="2"/>
  </si>
  <si>
    <t>0</t>
    <phoneticPr fontId="2"/>
  </si>
  <si>
    <t>令和８年　　　月　　　日</t>
    <rPh sb="0" eb="2">
      <t>レイワ</t>
    </rPh>
    <rPh sb="3" eb="4">
      <t>ネン</t>
    </rPh>
    <rPh sb="4" eb="5">
      <t>ヘイネン</t>
    </rPh>
    <rPh sb="7" eb="8">
      <t>ガツ</t>
    </rPh>
    <rPh sb="11" eb="12">
      <t>ヒ</t>
    </rPh>
    <phoneticPr fontId="2"/>
  </si>
  <si>
    <t xml:space="preserve"> 注1 12月31日現在で、一団体又は一個人から100万円を超
    える借入金がある場合は、(その17)のチェック及び
　  （その18-12)の内訳が必要です。
 　2 この用紙が２枚以上にわたる場合､｢合計｣欄は、最終
    ページにのみ記載してください。
　 3 「備考」欄には借入年月日を記載してください。</t>
    <rPh sb="139" eb="141">
      <t>ビコウ</t>
    </rPh>
    <rPh sb="142" eb="143">
      <t>ラン</t>
    </rPh>
    <rPh sb="145" eb="147">
      <t>カリイレ</t>
    </rPh>
    <rPh sb="147" eb="150">
      <t>ネンガッピ</t>
    </rPh>
    <phoneticPr fontId="4"/>
  </si>
  <si>
    <t xml:space="preserve"> 注1 1件10万円以上の収入は個別に記載し、10万円未満
    の収入は一括して記載してください。
 　2 この用紙が２枚以上にわたる場合、｢1件10万円未満 
    のもの｣欄及び｢合計｣欄は、最終ページにのみ記載し
    てください。
 　3 収入の基因となった事実ごとに、年月日順に記載し
    てください。</t>
    <rPh sb="1" eb="2">
      <t>チュウ</t>
    </rPh>
    <rPh sb="5" eb="6">
      <t>ケン</t>
    </rPh>
    <rPh sb="6" eb="12">
      <t>１０マンエンイジョウ</t>
    </rPh>
    <rPh sb="13" eb="15">
      <t>シュウニュウ</t>
    </rPh>
    <rPh sb="16" eb="18">
      <t>コベツ</t>
    </rPh>
    <rPh sb="25" eb="27">
      <t>マンエン</t>
    </rPh>
    <rPh sb="27" eb="28">
      <t>ミマン</t>
    </rPh>
    <rPh sb="36" eb="37">
      <t>ニュウ</t>
    </rPh>
    <rPh sb="74" eb="75">
      <t>ケン</t>
    </rPh>
    <rPh sb="91" eb="92">
      <t>ラン</t>
    </rPh>
    <rPh sb="92" eb="93">
      <t>オヨ</t>
    </rPh>
    <rPh sb="128" eb="130">
      <t>シュウニュウ</t>
    </rPh>
    <rPh sb="131" eb="133">
      <t>キイン</t>
    </rPh>
    <rPh sb="137" eb="139">
      <t>ジジツ</t>
    </rPh>
    <rPh sb="143" eb="146">
      <t>ネンガッピ</t>
    </rPh>
    <rPh sb="146" eb="147">
      <t>ジュン</t>
    </rPh>
    <phoneticPr fontId="4"/>
  </si>
  <si>
    <r>
      <t xml:space="preserve"> 注1　寄附者の区分は、</t>
    </r>
    <r>
      <rPr>
        <u/>
        <sz val="10"/>
        <rFont val="ＭＳ ゴシック"/>
        <family val="3"/>
        <charset val="128"/>
      </rPr>
      <t>｢個人･法人その他の団体･政治団体｣のいずれかを○で囲み</t>
    </r>
    <r>
      <rPr>
        <sz val="10"/>
        <rFont val="ＭＳ 明朝"/>
        <family val="1"/>
        <charset val="128"/>
      </rPr>
      <t>、そ
    れぞれ別の用紙を使用してください。
　 2　同一者からの年間５万円を超える寄附は個別に記載し、５万円以下の寄附は一括
    して記載してください。
 　3　この用紙が２枚以上にわたる場合､｢その他の寄附｣欄及び｢合計｣欄は、最終ページ
　　にのみ記載してください｡</t>
    </r>
    <rPh sb="4" eb="7">
      <t>キフシャ</t>
    </rPh>
    <rPh sb="8" eb="10">
      <t>クブン</t>
    </rPh>
    <rPh sb="13" eb="15">
      <t>コジン</t>
    </rPh>
    <rPh sb="16" eb="18">
      <t>ホウジン</t>
    </rPh>
    <rPh sb="20" eb="21">
      <t>タ</t>
    </rPh>
    <rPh sb="22" eb="24">
      <t>ダンタイ</t>
    </rPh>
    <rPh sb="25" eb="27">
      <t>セイジ</t>
    </rPh>
    <rPh sb="27" eb="29">
      <t>ダンタイ</t>
    </rPh>
    <rPh sb="38" eb="39">
      <t>カコ</t>
    </rPh>
    <rPh sb="50" eb="51">
      <t>ベツ</t>
    </rPh>
    <rPh sb="52" eb="54">
      <t>ヨウシ</t>
    </rPh>
    <rPh sb="55" eb="57">
      <t>シヨウ</t>
    </rPh>
    <rPh sb="91" eb="92">
      <t>サイ</t>
    </rPh>
    <rPh sb="97" eb="99">
      <t>イカ</t>
    </rPh>
    <rPh sb="100" eb="102">
      <t>キフ</t>
    </rPh>
    <rPh sb="113" eb="114">
      <t>サイ</t>
    </rPh>
    <rPh sb="145" eb="146">
      <t>タ</t>
    </rPh>
    <rPh sb="147" eb="149">
      <t>キフ</t>
    </rPh>
    <rPh sb="150" eb="151">
      <t>ラン</t>
    </rPh>
    <rPh sb="151" eb="152">
      <t>オヨ</t>
    </rPh>
    <rPh sb="172" eb="173">
      <t>サイ</t>
    </rPh>
    <phoneticPr fontId="4"/>
  </si>
  <si>
    <r>
      <t xml:space="preserve"> 注1　あっせん者の区分は、</t>
    </r>
    <r>
      <rPr>
        <u/>
        <sz val="10"/>
        <rFont val="ＭＳ ゴシック"/>
        <family val="3"/>
        <charset val="128"/>
      </rPr>
      <t>｢個人･法人その他の団体･政治団体｣のいずれかを○で囲み</t>
    </r>
    <r>
      <rPr>
        <sz val="10"/>
        <rFont val="ＭＳ 明朝"/>
        <family val="1"/>
        <charset val="128"/>
      </rPr>
      <t xml:space="preserve">、それ
　　ぞれ別の用紙を使用してください。
　 2　同一あっせん者からの年間５万円を超える寄附は個別に記載し、５万円以下の寄附は一
　　括して記載してください。
 　3　この用紙が２枚以上にわたる場合､｢その他の寄附」欄及び｢合計｣欄は、最終ページにの
　　み記載してください｡ </t>
    </r>
    <rPh sb="10" eb="12">
      <t>クブン</t>
    </rPh>
    <rPh sb="15" eb="17">
      <t>コジン</t>
    </rPh>
    <rPh sb="18" eb="20">
      <t>ホウジン</t>
    </rPh>
    <rPh sb="22" eb="23">
      <t>タ</t>
    </rPh>
    <rPh sb="24" eb="26">
      <t>ダンタイ</t>
    </rPh>
    <rPh sb="27" eb="29">
      <t>セイジ</t>
    </rPh>
    <rPh sb="29" eb="31">
      <t>ダンタイ</t>
    </rPh>
    <rPh sb="40" eb="41">
      <t>カコ</t>
    </rPh>
    <rPh sb="50" eb="51">
      <t>ベツ</t>
    </rPh>
    <rPh sb="52" eb="54">
      <t>ヨウシ</t>
    </rPh>
    <rPh sb="55" eb="57">
      <t>シヨウ</t>
    </rPh>
    <rPh sb="95" eb="96">
      <t>サイ</t>
    </rPh>
    <rPh sb="101" eb="103">
      <t>イカ</t>
    </rPh>
    <rPh sb="104" eb="106">
      <t>キフ</t>
    </rPh>
    <rPh sb="115" eb="116">
      <t>サイ</t>
    </rPh>
    <rPh sb="147" eb="148">
      <t>タ</t>
    </rPh>
    <rPh sb="149" eb="151">
      <t>キフ</t>
    </rPh>
    <rPh sb="152" eb="153">
      <t>ラン</t>
    </rPh>
    <rPh sb="153" eb="154">
      <t>オヨ</t>
    </rPh>
    <rPh sb="174" eb="175">
      <t>サイ</t>
    </rPh>
    <phoneticPr fontId="4"/>
  </si>
  <si>
    <t xml:space="preserve"> 注1　政党、政党の支部及び政治資金団体が演説会の会場等で受け
　　た1,000円以下の寄附が対象となります。
　 2 この用紙が２枚以上にわたる場合、「合計」欄は、最終ペー
　　ジにのみ記載してください｡ </t>
    <rPh sb="1" eb="2">
      <t>チュウ</t>
    </rPh>
    <rPh sb="4" eb="6">
      <t>セイトウ</t>
    </rPh>
    <rPh sb="7" eb="9">
      <t>セイトウ</t>
    </rPh>
    <rPh sb="10" eb="12">
      <t>シブ</t>
    </rPh>
    <rPh sb="12" eb="13">
      <t>オヨ</t>
    </rPh>
    <rPh sb="14" eb="16">
      <t>セイジ</t>
    </rPh>
    <rPh sb="16" eb="18">
      <t>シキン</t>
    </rPh>
    <rPh sb="18" eb="20">
      <t>ダンタイ</t>
    </rPh>
    <rPh sb="21" eb="24">
      <t>エンゼツカイ</t>
    </rPh>
    <rPh sb="25" eb="27">
      <t>カイジョウ</t>
    </rPh>
    <rPh sb="27" eb="28">
      <t>トウ</t>
    </rPh>
    <phoneticPr fontId="4"/>
  </si>
  <si>
    <r>
      <t xml:space="preserve"> 注1　項目別区分は、</t>
    </r>
    <r>
      <rPr>
        <b/>
        <u/>
        <sz val="10"/>
        <rFont val="ＭＳ ゴシック"/>
        <family val="3"/>
        <charset val="128"/>
      </rPr>
      <t xml:space="preserve">「光熱水費・備品･消耗品費・事務所費」のいずれかを○で
</t>
    </r>
    <r>
      <rPr>
        <b/>
        <sz val="10"/>
        <rFont val="ＭＳ ゴシック"/>
        <family val="3"/>
        <charset val="128"/>
      </rPr>
      <t>　　</t>
    </r>
    <r>
      <rPr>
        <b/>
        <u/>
        <sz val="10"/>
        <rFont val="ＭＳ ゴシック"/>
        <family val="3"/>
        <charset val="128"/>
      </rPr>
      <t>囲み、</t>
    </r>
    <r>
      <rPr>
        <sz val="10"/>
        <rFont val="ＭＳ 明朝"/>
        <family val="1"/>
        <charset val="128"/>
      </rPr>
      <t>それぞれ別の用紙を使用してください。
　 2　1件(数回にわたってなされたときは、その合計額が)５万円以上の（国会議員関
　　係政治団体は１万円を超える）支出はすべて個別に記載し、５万円未満（国会議員
　　関係政治団体は１万円以下）の支出は｢その他の支出｣に一括して記載してくださ
　　い。
　 3　この用紙が２枚以上にわたる場合、｢その他の支出｣欄及び｢合計｣欄は、最終ペー
　　ジにのみ記載してください｡</t>
    </r>
    <rPh sb="4" eb="6">
      <t>コウモク</t>
    </rPh>
    <rPh sb="6" eb="7">
      <t>ベツ</t>
    </rPh>
    <rPh sb="7" eb="9">
      <t>クブン</t>
    </rPh>
    <rPh sb="12" eb="13">
      <t>ヒカリ</t>
    </rPh>
    <rPh sb="13" eb="14">
      <t>ネツ</t>
    </rPh>
    <rPh sb="14" eb="15">
      <t>スイ</t>
    </rPh>
    <rPh sb="15" eb="16">
      <t>ヒ</t>
    </rPh>
    <rPh sb="17" eb="19">
      <t>ビヒン</t>
    </rPh>
    <rPh sb="20" eb="22">
      <t>ショウモウ</t>
    </rPh>
    <rPh sb="22" eb="23">
      <t>ヒン</t>
    </rPh>
    <rPh sb="23" eb="24">
      <t>ヒ</t>
    </rPh>
    <rPh sb="25" eb="27">
      <t>ジム</t>
    </rPh>
    <rPh sb="27" eb="28">
      <t>ショ</t>
    </rPh>
    <rPh sb="28" eb="29">
      <t>ヒ</t>
    </rPh>
    <rPh sb="41" eb="42">
      <t>カコ</t>
    </rPh>
    <rPh sb="68" eb="69">
      <t>ケン</t>
    </rPh>
    <rPh sb="70" eb="72">
      <t>スウカイ</t>
    </rPh>
    <rPh sb="87" eb="90">
      <t>ゴウケイガク</t>
    </rPh>
    <rPh sb="99" eb="101">
      <t>コッカイ</t>
    </rPh>
    <rPh sb="101" eb="103">
      <t>ギイン</t>
    </rPh>
    <rPh sb="131" eb="132">
      <t>サイ</t>
    </rPh>
    <rPh sb="148" eb="149">
      <t>カカリ</t>
    </rPh>
    <rPh sb="157" eb="159">
      <t>イカ</t>
    </rPh>
    <rPh sb="178" eb="179">
      <t>サイ</t>
    </rPh>
    <rPh sb="213" eb="214">
      <t>タ</t>
    </rPh>
    <rPh sb="215" eb="217">
      <t>シシュツ</t>
    </rPh>
    <rPh sb="218" eb="219">
      <t>ラン</t>
    </rPh>
    <rPh sb="219" eb="220">
      <t>オヨ</t>
    </rPh>
    <rPh sb="240" eb="241">
      <t>サ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8" x14ac:knownFonts="1">
    <font>
      <sz val="12"/>
      <name val="ＭＳ 明朝"/>
      <family val="1"/>
      <charset val="128"/>
    </font>
    <font>
      <sz val="12"/>
      <name val="ＭＳ 明朝"/>
      <family val="1"/>
      <charset val="128"/>
    </font>
    <font>
      <sz val="6"/>
      <name val="ＭＳ 明朝"/>
      <family val="1"/>
      <charset val="128"/>
    </font>
    <font>
      <sz val="14"/>
      <name val="ＭＳ 明朝"/>
      <family val="1"/>
      <charset val="128"/>
    </font>
    <font>
      <sz val="6"/>
      <name val="ＭＳ Ｐゴシック"/>
      <family val="3"/>
      <charset val="128"/>
    </font>
    <font>
      <sz val="20"/>
      <name val="ＭＳ 明朝"/>
      <family val="1"/>
      <charset val="128"/>
    </font>
    <font>
      <sz val="11"/>
      <name val="ＭＳ 明朝"/>
      <family val="1"/>
      <charset val="128"/>
    </font>
    <font>
      <sz val="9"/>
      <name val="ＭＳ 明朝"/>
      <family val="1"/>
      <charset val="128"/>
    </font>
    <font>
      <sz val="10"/>
      <name val="ＭＳ 明朝"/>
      <family val="1"/>
      <charset val="128"/>
    </font>
    <font>
      <sz val="12"/>
      <name val="ＭＳ ゴシック"/>
      <family val="3"/>
      <charset val="128"/>
    </font>
    <font>
      <sz val="24"/>
      <name val="ＭＳ 明朝"/>
      <family val="1"/>
      <charset val="128"/>
    </font>
    <font>
      <sz val="16"/>
      <name val="ＭＳ 明朝"/>
      <family val="1"/>
      <charset val="128"/>
    </font>
    <font>
      <sz val="10"/>
      <name val="ＭＳ ゴシック"/>
      <family val="3"/>
      <charset val="128"/>
    </font>
    <font>
      <u/>
      <sz val="10"/>
      <name val="ＭＳ ゴシック"/>
      <family val="3"/>
      <charset val="128"/>
    </font>
    <font>
      <sz val="20"/>
      <name val="HG行書体"/>
      <family val="4"/>
      <charset val="128"/>
    </font>
    <font>
      <sz val="12"/>
      <name val="HG行書体"/>
      <family val="4"/>
      <charset val="128"/>
    </font>
    <font>
      <sz val="14"/>
      <name val="HG行書体"/>
      <family val="4"/>
      <charset val="128"/>
    </font>
    <font>
      <sz val="16"/>
      <name val="HG行書体"/>
      <family val="4"/>
      <charset val="128"/>
    </font>
    <font>
      <sz val="13"/>
      <name val="HG行書体"/>
      <family val="4"/>
      <charset val="128"/>
    </font>
    <font>
      <sz val="18"/>
      <name val="HG行書体"/>
      <family val="4"/>
      <charset val="128"/>
    </font>
    <font>
      <sz val="15"/>
      <name val="HG行書体"/>
      <family val="4"/>
      <charset val="128"/>
    </font>
    <font>
      <sz val="11"/>
      <name val="HG行書体"/>
      <family val="4"/>
      <charset val="128"/>
    </font>
    <font>
      <sz val="12"/>
      <name val="ＭＳ 明朝"/>
      <family val="1"/>
      <charset val="128"/>
    </font>
    <font>
      <sz val="5"/>
      <name val="ＭＳ 明朝"/>
      <family val="1"/>
      <charset val="128"/>
    </font>
    <font>
      <sz val="9.5"/>
      <name val="ＭＳ 明朝"/>
      <family val="1"/>
      <charset val="128"/>
    </font>
    <font>
      <sz val="8.5"/>
      <name val="ＭＳ 明朝"/>
      <family val="1"/>
      <charset val="128"/>
    </font>
    <font>
      <b/>
      <sz val="28"/>
      <name val="HGS明朝B"/>
      <family val="1"/>
      <charset val="128"/>
    </font>
    <font>
      <b/>
      <sz val="26"/>
      <name val="HGS明朝B"/>
      <family val="1"/>
      <charset val="128"/>
    </font>
    <font>
      <b/>
      <sz val="12"/>
      <name val="HGS明朝B"/>
      <family val="1"/>
      <charset val="128"/>
    </font>
    <font>
      <sz val="8"/>
      <name val="ＭＳ 明朝"/>
      <family val="1"/>
      <charset val="128"/>
    </font>
    <font>
      <sz val="10"/>
      <name val="Wingdings 2"/>
      <family val="1"/>
      <charset val="2"/>
    </font>
    <font>
      <b/>
      <u/>
      <sz val="10"/>
      <name val="ＭＳ ゴシック"/>
      <family val="3"/>
      <charset val="128"/>
    </font>
    <font>
      <b/>
      <sz val="10"/>
      <name val="ＭＳ ゴシック"/>
      <family val="3"/>
      <charset val="128"/>
    </font>
    <font>
      <b/>
      <sz val="10"/>
      <name val="ＭＳ 明朝"/>
      <family val="1"/>
      <charset val="128"/>
    </font>
    <font>
      <sz val="11"/>
      <name val="ＭＳ ゴシック"/>
      <family val="3"/>
      <charset val="128"/>
    </font>
    <font>
      <sz val="7"/>
      <name val="ＭＳ 明朝"/>
      <family val="1"/>
      <charset val="128"/>
    </font>
    <font>
      <sz val="10.5"/>
      <name val="ＭＳ 明朝"/>
      <family val="1"/>
      <charset val="128"/>
    </font>
    <font>
      <sz val="10"/>
      <name val="HG行書体"/>
      <family val="4"/>
      <charset val="128"/>
    </font>
  </fonts>
  <fills count="3">
    <fill>
      <patternFill patternType="none"/>
    </fill>
    <fill>
      <patternFill patternType="gray125"/>
    </fill>
    <fill>
      <patternFill patternType="solid">
        <fgColor indexed="15"/>
        <bgColor indexed="64"/>
      </patternFill>
    </fill>
  </fills>
  <borders count="123">
    <border>
      <left/>
      <right/>
      <top/>
      <bottom/>
      <diagonal/>
    </border>
    <border>
      <left/>
      <right/>
      <top/>
      <bottom style="thin">
        <color indexed="64"/>
      </bottom>
      <diagonal/>
    </border>
    <border>
      <left style="medium">
        <color indexed="64"/>
      </left>
      <right/>
      <top style="medium">
        <color indexed="64"/>
      </top>
      <bottom/>
      <diagonal/>
    </border>
    <border>
      <left style="medium">
        <color indexed="64"/>
      </left>
      <right/>
      <top/>
      <bottom style="medium">
        <color indexed="64"/>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thin">
        <color indexed="64"/>
      </bottom>
      <diagonal/>
    </border>
    <border>
      <left style="thin">
        <color indexed="64"/>
      </left>
      <right style="thin">
        <color indexed="64"/>
      </right>
      <top style="thin">
        <color indexed="64"/>
      </top>
      <bottom/>
      <diagonal/>
    </border>
    <border>
      <left/>
      <right style="thin">
        <color indexed="64"/>
      </right>
      <top style="thin">
        <color indexed="64"/>
      </top>
      <bottom style="thin">
        <color indexed="64"/>
      </bottom>
      <diagonal/>
    </border>
    <border>
      <left/>
      <right style="dotted">
        <color indexed="64"/>
      </right>
      <top/>
      <bottom/>
      <diagonal/>
    </border>
    <border>
      <left/>
      <right style="thin">
        <color indexed="64"/>
      </right>
      <top style="thin">
        <color indexed="64"/>
      </top>
      <bottom/>
      <diagonal/>
    </border>
    <border>
      <left style="medium">
        <color indexed="64"/>
      </left>
      <right/>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right/>
      <top style="medium">
        <color indexed="64"/>
      </top>
      <bottom style="thin">
        <color indexed="64"/>
      </bottom>
      <diagonal/>
    </border>
    <border>
      <left/>
      <right/>
      <top style="thin">
        <color indexed="64"/>
      </top>
      <bottom style="thin">
        <color indexed="64"/>
      </bottom>
      <diagonal/>
    </border>
    <border>
      <left/>
      <right/>
      <top style="thin">
        <color indexed="64"/>
      </top>
      <bottom/>
      <diagonal/>
    </border>
    <border>
      <left style="dotted">
        <color indexed="64"/>
      </left>
      <right style="dotted">
        <color indexed="64"/>
      </right>
      <top style="medium">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dotted">
        <color indexed="64"/>
      </right>
      <top style="thin">
        <color indexed="64"/>
      </top>
      <bottom/>
      <diagonal/>
    </border>
    <border>
      <left/>
      <right style="medium">
        <color indexed="64"/>
      </right>
      <top style="medium">
        <color indexed="64"/>
      </top>
      <bottom style="thin">
        <color indexed="64"/>
      </bottom>
      <diagonal/>
    </border>
    <border>
      <left/>
      <right/>
      <top style="thin">
        <color indexed="64"/>
      </top>
      <bottom style="medium">
        <color indexed="64"/>
      </bottom>
      <diagonal/>
    </border>
    <border>
      <left/>
      <right/>
      <top style="medium">
        <color indexed="64"/>
      </top>
      <bottom/>
      <diagonal/>
    </border>
    <border>
      <left/>
      <right/>
      <top style="medium">
        <color indexed="64"/>
      </top>
      <bottom style="medium">
        <color indexed="64"/>
      </bottom>
      <diagonal/>
    </border>
    <border>
      <left/>
      <right style="dotted">
        <color indexed="64"/>
      </right>
      <top style="medium">
        <color indexed="64"/>
      </top>
      <bottom style="thin">
        <color indexed="64"/>
      </bottom>
      <diagonal/>
    </border>
    <border>
      <left style="dotted">
        <color indexed="64"/>
      </left>
      <right style="thin">
        <color indexed="64"/>
      </right>
      <top style="thin">
        <color indexed="64"/>
      </top>
      <bottom style="thin">
        <color indexed="64"/>
      </bottom>
      <diagonal/>
    </border>
    <border>
      <left/>
      <right style="dotted">
        <color indexed="64"/>
      </right>
      <top style="thin">
        <color indexed="64"/>
      </top>
      <bottom/>
      <diagonal/>
    </border>
    <border>
      <left style="dotted">
        <color indexed="64"/>
      </left>
      <right style="thin">
        <color indexed="64"/>
      </right>
      <top style="thin">
        <color indexed="64"/>
      </top>
      <bottom/>
      <diagonal/>
    </border>
    <border>
      <left/>
      <right style="dotted">
        <color indexed="64"/>
      </right>
      <top style="medium">
        <color indexed="64"/>
      </top>
      <bottom style="medium">
        <color indexed="64"/>
      </bottom>
      <diagonal/>
    </border>
    <border>
      <left style="dotted">
        <color indexed="64"/>
      </left>
      <right style="dotted">
        <color indexed="64"/>
      </right>
      <top style="medium">
        <color indexed="64"/>
      </top>
      <bottom style="medium">
        <color indexed="64"/>
      </bottom>
      <diagonal/>
    </border>
    <border>
      <left style="dotted">
        <color indexed="64"/>
      </left>
      <right style="thin">
        <color indexed="64"/>
      </right>
      <top style="medium">
        <color indexed="64"/>
      </top>
      <bottom style="medium">
        <color indexed="64"/>
      </bottom>
      <diagonal/>
    </border>
    <border>
      <left/>
      <right style="dotted">
        <color indexed="64"/>
      </right>
      <top/>
      <bottom style="medium">
        <color indexed="64"/>
      </bottom>
      <diagonal/>
    </border>
    <border>
      <left style="dotted">
        <color indexed="64"/>
      </left>
      <right style="dotted">
        <color indexed="64"/>
      </right>
      <top/>
      <bottom style="medium">
        <color indexed="64"/>
      </bottom>
      <diagonal/>
    </border>
    <border>
      <left style="dotted">
        <color indexed="64"/>
      </left>
      <right style="thin">
        <color indexed="64"/>
      </right>
      <top/>
      <bottom style="medium">
        <color indexed="64"/>
      </bottom>
      <diagonal/>
    </border>
    <border>
      <left style="dotted">
        <color indexed="64"/>
      </left>
      <right style="dotted">
        <color indexed="64"/>
      </right>
      <top style="medium">
        <color indexed="64"/>
      </top>
      <bottom/>
      <diagonal/>
    </border>
    <border>
      <left style="dotted">
        <color indexed="64"/>
      </left>
      <right style="dotted">
        <color indexed="64"/>
      </right>
      <top style="thin">
        <color indexed="64"/>
      </top>
      <bottom style="medium">
        <color indexed="64"/>
      </bottom>
      <diagonal/>
    </border>
    <border>
      <left/>
      <right style="dotted">
        <color indexed="64"/>
      </right>
      <top style="thin">
        <color indexed="64"/>
      </top>
      <bottom style="thin">
        <color indexed="64"/>
      </bottom>
      <diagonal/>
    </border>
    <border>
      <left style="dotted">
        <color indexed="64"/>
      </left>
      <right style="dotted">
        <color indexed="64"/>
      </right>
      <top/>
      <bottom/>
      <diagonal/>
    </border>
    <border>
      <left style="dotted">
        <color indexed="64"/>
      </left>
      <right style="thin">
        <color indexed="64"/>
      </right>
      <top/>
      <bottom/>
      <diagonal/>
    </border>
    <border>
      <left style="thin">
        <color indexed="64"/>
      </left>
      <right style="dotted">
        <color indexed="64"/>
      </right>
      <top style="thin">
        <color indexed="64"/>
      </top>
      <bottom style="thin">
        <color indexed="64"/>
      </bottom>
      <diagonal/>
    </border>
    <border>
      <left/>
      <right style="dotted">
        <color indexed="64"/>
      </right>
      <top style="medium">
        <color indexed="64"/>
      </top>
      <bottom/>
      <diagonal/>
    </border>
    <border>
      <left style="dotted">
        <color indexed="64"/>
      </left>
      <right style="thin">
        <color indexed="64"/>
      </right>
      <top style="thin">
        <color indexed="64"/>
      </top>
      <bottom style="medium">
        <color indexed="64"/>
      </bottom>
      <diagonal/>
    </border>
    <border>
      <left/>
      <right style="dotted">
        <color indexed="64"/>
      </right>
      <top style="thin">
        <color indexed="64"/>
      </top>
      <bottom style="medium">
        <color indexed="64"/>
      </bottom>
      <diagonal/>
    </border>
    <border>
      <left/>
      <right style="medium">
        <color indexed="64"/>
      </right>
      <top style="thin">
        <color indexed="64"/>
      </top>
      <bottom style="medium">
        <color indexed="64"/>
      </bottom>
      <diagonal/>
    </border>
    <border>
      <left/>
      <right style="dotted">
        <color indexed="64"/>
      </right>
      <top/>
      <bottom style="thin">
        <color indexed="64"/>
      </bottom>
      <diagonal/>
    </border>
    <border>
      <left style="dotted">
        <color indexed="64"/>
      </left>
      <right style="dotted">
        <color indexed="64"/>
      </right>
      <top/>
      <bottom style="thin">
        <color indexed="64"/>
      </bottom>
      <diagonal/>
    </border>
    <border>
      <left style="dotted">
        <color indexed="64"/>
      </left>
      <right style="thin">
        <color indexed="64"/>
      </right>
      <top/>
      <bottom style="thin">
        <color indexed="64"/>
      </bottom>
      <diagonal/>
    </border>
    <border>
      <left style="medium">
        <color indexed="64"/>
      </left>
      <right style="medium">
        <color indexed="64"/>
      </right>
      <top style="medium">
        <color indexed="64"/>
      </top>
      <bottom style="medium">
        <color indexed="64"/>
      </bottom>
      <diagonal/>
    </border>
    <border>
      <left style="dotted">
        <color indexed="64"/>
      </left>
      <right/>
      <top style="thin">
        <color indexed="64"/>
      </top>
      <bottom/>
      <diagonal/>
    </border>
    <border>
      <left style="thin">
        <color indexed="64"/>
      </left>
      <right style="dotted">
        <color indexed="64"/>
      </right>
      <top style="medium">
        <color indexed="64"/>
      </top>
      <bottom style="thin">
        <color indexed="64"/>
      </bottom>
      <diagonal/>
    </border>
    <border>
      <left/>
      <right/>
      <top/>
      <bottom style="dotted">
        <color indexed="64"/>
      </bottom>
      <diagonal/>
    </border>
    <border>
      <left/>
      <right/>
      <top style="dotted">
        <color indexed="64"/>
      </top>
      <bottom/>
      <diagonal/>
    </border>
    <border>
      <left/>
      <right style="dotted">
        <color indexed="64"/>
      </right>
      <top style="dotted">
        <color indexed="64"/>
      </top>
      <bottom/>
      <diagonal/>
    </border>
    <border>
      <left style="thin">
        <color indexed="64"/>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dotted">
        <color indexed="64"/>
      </left>
      <right style="thin">
        <color indexed="64"/>
      </right>
      <top style="medium">
        <color indexed="64"/>
      </top>
      <bottom/>
      <diagonal/>
    </border>
    <border>
      <left/>
      <right style="medium">
        <color indexed="64"/>
      </right>
      <top style="medium">
        <color indexed="64"/>
      </top>
      <bottom/>
      <diagonal/>
    </border>
    <border>
      <left style="medium">
        <color indexed="64"/>
      </left>
      <right style="medium">
        <color indexed="64"/>
      </right>
      <top/>
      <bottom style="medium">
        <color indexed="64"/>
      </bottom>
      <diagonal/>
    </border>
    <border>
      <left/>
      <right style="medium">
        <color indexed="64"/>
      </right>
      <top style="thin">
        <color indexed="64"/>
      </top>
      <bottom style="double">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top style="medium">
        <color indexed="64"/>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medium">
        <color indexed="64"/>
      </left>
      <right style="medium">
        <color indexed="64"/>
      </right>
      <top/>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dotted">
        <color indexed="64"/>
      </left>
      <right style="thin">
        <color indexed="64"/>
      </right>
      <top style="medium">
        <color indexed="64"/>
      </top>
      <bottom style="thin">
        <color indexed="64"/>
      </bottom>
      <diagonal/>
    </border>
    <border>
      <left style="medium">
        <color indexed="64"/>
      </left>
      <right style="medium">
        <color indexed="64"/>
      </right>
      <top/>
      <bottom style="double">
        <color indexed="64"/>
      </bottom>
      <diagonal/>
    </border>
    <border>
      <left style="medium">
        <color indexed="64"/>
      </left>
      <right/>
      <top style="thin">
        <color indexed="64"/>
      </top>
      <bottom style="double">
        <color indexed="64"/>
      </bottom>
      <diagonal/>
    </border>
    <border>
      <left style="medium">
        <color indexed="64"/>
      </left>
      <right style="medium">
        <color indexed="64"/>
      </right>
      <top style="thin">
        <color indexed="64"/>
      </top>
      <bottom style="double">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right style="dashed">
        <color indexed="64"/>
      </right>
      <top style="medium">
        <color indexed="64"/>
      </top>
      <bottom style="thin">
        <color indexed="64"/>
      </bottom>
      <diagonal/>
    </border>
    <border>
      <left/>
      <right style="dashed">
        <color indexed="64"/>
      </right>
      <top style="thin">
        <color indexed="64"/>
      </top>
      <bottom/>
      <diagonal/>
    </border>
    <border>
      <left style="thin">
        <color indexed="64"/>
      </left>
      <right/>
      <top/>
      <bottom style="medium">
        <color indexed="64"/>
      </bottom>
      <diagonal/>
    </border>
    <border>
      <left/>
      <right style="dashed">
        <color indexed="64"/>
      </right>
      <top/>
      <bottom style="medium">
        <color indexed="64"/>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medium">
        <color indexed="64"/>
      </top>
      <bottom style="medium">
        <color indexed="64"/>
      </bottom>
      <diagonal/>
    </border>
    <border>
      <left style="dotted">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double">
        <color indexed="64"/>
      </bottom>
      <diagonal/>
    </border>
    <border>
      <left style="thin">
        <color indexed="64"/>
      </left>
      <right style="dotted">
        <color indexed="64"/>
      </right>
      <top style="thin">
        <color indexed="64"/>
      </top>
      <bottom style="double">
        <color indexed="64"/>
      </bottom>
      <diagonal/>
    </border>
    <border>
      <left style="dotted">
        <color indexed="64"/>
      </left>
      <right style="dotted">
        <color indexed="64"/>
      </right>
      <top style="thin">
        <color indexed="64"/>
      </top>
      <bottom style="double">
        <color indexed="64"/>
      </bottom>
      <diagonal/>
    </border>
    <border>
      <left style="dotted">
        <color indexed="64"/>
      </left>
      <right style="thin">
        <color indexed="64"/>
      </right>
      <top style="thin">
        <color indexed="64"/>
      </top>
      <bottom style="double">
        <color indexed="64"/>
      </bottom>
      <diagonal/>
    </border>
    <border>
      <left/>
      <right style="dotted">
        <color indexed="64"/>
      </right>
      <top style="thin">
        <color indexed="64"/>
      </top>
      <bottom style="double">
        <color indexed="64"/>
      </bottom>
      <diagonal/>
    </border>
    <border>
      <left style="thin">
        <color indexed="64"/>
      </left>
      <right style="dotted">
        <color indexed="64"/>
      </right>
      <top/>
      <bottom style="thin">
        <color indexed="64"/>
      </bottom>
      <diagonal/>
    </border>
    <border>
      <left style="thin">
        <color indexed="64"/>
      </left>
      <right style="dotted">
        <color indexed="64"/>
      </right>
      <top/>
      <bottom/>
      <diagonal/>
    </border>
    <border>
      <left style="thin">
        <color indexed="64"/>
      </left>
      <right style="dotted">
        <color indexed="64"/>
      </right>
      <top style="medium">
        <color indexed="64"/>
      </top>
      <bottom style="medium">
        <color indexed="64"/>
      </bottom>
      <diagonal/>
    </border>
    <border>
      <left style="thin">
        <color indexed="64"/>
      </left>
      <right style="dotted">
        <color indexed="64"/>
      </right>
      <top/>
      <bottom style="medium">
        <color indexed="64"/>
      </bottom>
      <diagonal/>
    </border>
  </borders>
  <cellStyleXfs count="1">
    <xf numFmtId="0" fontId="0" fillId="0" borderId="0">
      <alignment vertical="center"/>
    </xf>
  </cellStyleXfs>
  <cellXfs count="915">
    <xf numFmtId="0" fontId="0" fillId="0" borderId="0" xfId="0">
      <alignment vertical="center"/>
    </xf>
    <xf numFmtId="0" fontId="3" fillId="0" borderId="0" xfId="0" applyFont="1" applyAlignment="1">
      <alignment vertical="center"/>
    </xf>
    <xf numFmtId="0" fontId="1" fillId="0" borderId="0" xfId="0" applyFont="1" applyAlignment="1">
      <alignment vertical="center"/>
    </xf>
    <xf numFmtId="0" fontId="1" fillId="0" borderId="0" xfId="0" applyFont="1" applyBorder="1" applyAlignment="1">
      <alignment vertical="center"/>
    </xf>
    <xf numFmtId="0" fontId="1" fillId="0" borderId="1" xfId="0" applyFont="1" applyBorder="1" applyAlignment="1">
      <alignment vertical="center"/>
    </xf>
    <xf numFmtId="0" fontId="1" fillId="0" borderId="2" xfId="0" applyFont="1" applyBorder="1" applyAlignment="1">
      <alignment vertical="center"/>
    </xf>
    <xf numFmtId="49" fontId="1" fillId="0" borderId="3" xfId="0" applyNumberFormat="1" applyFont="1" applyFill="1" applyBorder="1" applyAlignment="1">
      <alignment vertical="center"/>
    </xf>
    <xf numFmtId="49" fontId="1" fillId="0" borderId="0" xfId="0" applyNumberFormat="1" applyFont="1" applyFill="1" applyBorder="1" applyAlignment="1">
      <alignment vertical="center"/>
    </xf>
    <xf numFmtId="49" fontId="1" fillId="0" borderId="4" xfId="0" applyNumberFormat="1" applyFont="1" applyFill="1" applyBorder="1" applyAlignment="1" applyProtection="1">
      <alignment vertical="center" wrapText="1"/>
      <protection locked="0"/>
    </xf>
    <xf numFmtId="49" fontId="1" fillId="0" borderId="5" xfId="0" applyNumberFormat="1" applyFont="1" applyFill="1" applyBorder="1" applyAlignment="1" applyProtection="1">
      <alignment vertical="center" wrapText="1"/>
      <protection locked="0"/>
    </xf>
    <xf numFmtId="49" fontId="1" fillId="0" borderId="6" xfId="0" applyNumberFormat="1" applyFont="1" applyFill="1" applyBorder="1" applyAlignment="1" applyProtection="1">
      <alignment vertical="center" wrapText="1"/>
      <protection locked="0"/>
    </xf>
    <xf numFmtId="49" fontId="1" fillId="0" borderId="7" xfId="0" applyNumberFormat="1" applyFont="1" applyFill="1" applyBorder="1" applyAlignment="1" applyProtection="1">
      <alignment vertical="center" wrapText="1"/>
      <protection locked="0"/>
    </xf>
    <xf numFmtId="49" fontId="1" fillId="0" borderId="8" xfId="0" applyNumberFormat="1" applyFont="1" applyFill="1" applyBorder="1" applyAlignment="1" applyProtection="1">
      <alignment vertical="center" wrapText="1"/>
      <protection locked="0"/>
    </xf>
    <xf numFmtId="49" fontId="1" fillId="0" borderId="9" xfId="0" applyNumberFormat="1" applyFont="1" applyFill="1" applyBorder="1" applyAlignment="1" applyProtection="1">
      <alignment vertical="center" wrapText="1"/>
      <protection locked="0"/>
    </xf>
    <xf numFmtId="49" fontId="1" fillId="0" borderId="10" xfId="0" applyNumberFormat="1" applyFont="1" applyFill="1" applyBorder="1" applyAlignment="1" applyProtection="1">
      <alignment vertical="center" wrapText="1"/>
      <protection locked="0"/>
    </xf>
    <xf numFmtId="49" fontId="8" fillId="0" borderId="8" xfId="0" applyNumberFormat="1" applyFont="1" applyFill="1" applyBorder="1" applyAlignment="1" applyProtection="1">
      <alignment vertical="center" wrapText="1"/>
      <protection locked="0"/>
    </xf>
    <xf numFmtId="49" fontId="1" fillId="0" borderId="9" xfId="0" applyNumberFormat="1" applyFont="1" applyFill="1" applyBorder="1" applyAlignment="1" applyProtection="1">
      <alignment vertical="center" wrapText="1"/>
    </xf>
    <xf numFmtId="49" fontId="8" fillId="0" borderId="9" xfId="0" applyNumberFormat="1" applyFont="1" applyFill="1" applyBorder="1" applyAlignment="1" applyProtection="1">
      <alignment vertical="center" wrapText="1"/>
    </xf>
    <xf numFmtId="49" fontId="1" fillId="0" borderId="11" xfId="0" applyNumberFormat="1" applyFont="1" applyFill="1" applyBorder="1" applyAlignment="1" applyProtection="1">
      <alignment vertical="center" wrapText="1"/>
    </xf>
    <xf numFmtId="49" fontId="8" fillId="0" borderId="11" xfId="0" applyNumberFormat="1" applyFont="1" applyFill="1" applyBorder="1" applyAlignment="1" applyProtection="1">
      <alignment vertical="center" wrapText="1"/>
    </xf>
    <xf numFmtId="49" fontId="1" fillId="0" borderId="9" xfId="0" applyNumberFormat="1" applyFont="1" applyBorder="1" applyAlignment="1" applyProtection="1">
      <alignment vertical="center" wrapText="1"/>
      <protection locked="0"/>
    </xf>
    <xf numFmtId="49" fontId="1" fillId="0" borderId="10" xfId="0" applyNumberFormat="1" applyFont="1" applyBorder="1" applyAlignment="1" applyProtection="1">
      <alignment vertical="center" wrapText="1"/>
      <protection locked="0"/>
    </xf>
    <xf numFmtId="49" fontId="1" fillId="0" borderId="12" xfId="0" applyNumberFormat="1" applyFont="1" applyFill="1" applyBorder="1" applyAlignment="1" applyProtection="1">
      <alignment vertical="center" wrapText="1"/>
      <protection locked="0"/>
    </xf>
    <xf numFmtId="49" fontId="1" fillId="0" borderId="9" xfId="0" applyNumberFormat="1" applyFont="1" applyFill="1" applyBorder="1" applyAlignment="1" applyProtection="1">
      <alignment vertical="center"/>
      <protection locked="0"/>
    </xf>
    <xf numFmtId="49" fontId="1" fillId="0" borderId="11" xfId="0" applyNumberFormat="1" applyFont="1" applyFill="1" applyBorder="1" applyAlignment="1" applyProtection="1">
      <alignment vertical="center" wrapText="1"/>
      <protection locked="0"/>
    </xf>
    <xf numFmtId="0" fontId="8" fillId="0" borderId="0" xfId="0" applyFont="1" applyBorder="1" applyAlignment="1">
      <alignment vertical="center"/>
    </xf>
    <xf numFmtId="49" fontId="8" fillId="0" borderId="9" xfId="0" applyNumberFormat="1" applyFont="1" applyFill="1" applyBorder="1" applyAlignment="1" applyProtection="1">
      <alignment vertical="center" wrapText="1"/>
      <protection locked="0"/>
    </xf>
    <xf numFmtId="49" fontId="1" fillId="0" borderId="8" xfId="0" applyNumberFormat="1" applyFont="1" applyBorder="1" applyAlignment="1" applyProtection="1">
      <alignment vertical="center" wrapText="1"/>
      <protection locked="0"/>
    </xf>
    <xf numFmtId="0" fontId="6" fillId="0" borderId="0" xfId="0" applyFont="1" applyBorder="1">
      <alignment vertical="center"/>
    </xf>
    <xf numFmtId="0" fontId="8" fillId="0" borderId="13" xfId="0" applyFont="1" applyBorder="1">
      <alignment vertical="center"/>
    </xf>
    <xf numFmtId="0" fontId="8" fillId="0" borderId="14" xfId="0" applyFont="1" applyBorder="1" applyAlignment="1">
      <alignment horizontal="center" vertical="center"/>
    </xf>
    <xf numFmtId="0" fontId="8" fillId="0" borderId="15" xfId="0" applyFont="1" applyBorder="1">
      <alignment vertical="center"/>
    </xf>
    <xf numFmtId="0" fontId="1" fillId="0" borderId="0" xfId="0" applyFont="1">
      <alignment vertical="center"/>
    </xf>
    <xf numFmtId="0" fontId="1" fillId="0" borderId="0" xfId="0" applyFont="1" applyAlignment="1">
      <alignment horizontal="distributed" vertical="center"/>
    </xf>
    <xf numFmtId="0" fontId="1" fillId="0" borderId="1" xfId="0" applyFont="1" applyBorder="1">
      <alignment vertical="center"/>
    </xf>
    <xf numFmtId="0" fontId="1" fillId="0" borderId="0" xfId="0" applyFont="1" applyBorder="1">
      <alignment vertical="center"/>
    </xf>
    <xf numFmtId="0" fontId="7" fillId="0" borderId="16" xfId="0" applyFont="1" applyBorder="1">
      <alignment vertical="center"/>
    </xf>
    <xf numFmtId="0" fontId="1" fillId="0" borderId="17" xfId="0" applyFont="1" applyBorder="1">
      <alignment vertical="center"/>
    </xf>
    <xf numFmtId="0" fontId="1" fillId="0" borderId="18" xfId="0" applyFont="1" applyBorder="1">
      <alignment vertical="center"/>
    </xf>
    <xf numFmtId="0" fontId="1" fillId="0" borderId="3" xfId="0" applyFont="1" applyBorder="1">
      <alignment vertical="center"/>
    </xf>
    <xf numFmtId="0" fontId="1" fillId="0" borderId="19" xfId="0" applyFont="1" applyBorder="1">
      <alignment vertical="center"/>
    </xf>
    <xf numFmtId="0" fontId="1" fillId="0" borderId="20" xfId="0" applyFont="1" applyBorder="1">
      <alignment vertical="center"/>
    </xf>
    <xf numFmtId="49" fontId="1" fillId="0" borderId="21" xfId="0" applyNumberFormat="1" applyFont="1" applyFill="1" applyBorder="1" applyAlignment="1" applyProtection="1">
      <alignment vertical="center" wrapText="1"/>
      <protection locked="0"/>
    </xf>
    <xf numFmtId="49" fontId="1" fillId="0" borderId="22" xfId="0" applyNumberFormat="1" applyFont="1" applyFill="1" applyBorder="1" applyAlignment="1" applyProtection="1">
      <alignment vertical="center" wrapText="1"/>
      <protection locked="0"/>
    </xf>
    <xf numFmtId="49" fontId="1" fillId="0" borderId="23" xfId="0" applyNumberFormat="1" applyFont="1" applyFill="1" applyBorder="1" applyAlignment="1" applyProtection="1">
      <alignment vertical="center" wrapText="1"/>
      <protection locked="0"/>
    </xf>
    <xf numFmtId="49" fontId="1" fillId="0" borderId="24" xfId="0" applyNumberFormat="1" applyFont="1" applyFill="1" applyBorder="1" applyAlignment="1" applyProtection="1">
      <alignment vertical="center" wrapText="1"/>
      <protection locked="0"/>
    </xf>
    <xf numFmtId="49" fontId="1" fillId="0" borderId="25" xfId="0" applyNumberFormat="1" applyFont="1" applyFill="1" applyBorder="1" applyAlignment="1" applyProtection="1">
      <alignment vertical="center" wrapText="1"/>
      <protection locked="0"/>
    </xf>
    <xf numFmtId="49" fontId="1" fillId="0" borderId="26" xfId="0" applyNumberFormat="1" applyFont="1" applyFill="1" applyBorder="1" applyAlignment="1" applyProtection="1">
      <alignment vertical="center" wrapText="1"/>
      <protection locked="0"/>
    </xf>
    <xf numFmtId="49" fontId="1" fillId="0" borderId="27" xfId="0" applyNumberFormat="1" applyFont="1" applyFill="1" applyBorder="1" applyAlignment="1" applyProtection="1">
      <alignment vertical="center" wrapText="1"/>
      <protection locked="0"/>
    </xf>
    <xf numFmtId="49" fontId="1" fillId="0" borderId="28" xfId="0" applyNumberFormat="1" applyFont="1" applyFill="1" applyBorder="1" applyAlignment="1" applyProtection="1">
      <alignment vertical="center" wrapText="1"/>
      <protection locked="0"/>
    </xf>
    <xf numFmtId="49" fontId="1" fillId="0" borderId="29" xfId="0" applyNumberFormat="1" applyFont="1" applyFill="1" applyBorder="1" applyAlignment="1" applyProtection="1">
      <alignment vertical="center" wrapText="1"/>
      <protection locked="0"/>
    </xf>
    <xf numFmtId="49" fontId="1" fillId="0" borderId="30" xfId="0" applyNumberFormat="1" applyFont="1" applyFill="1" applyBorder="1" applyAlignment="1" applyProtection="1">
      <alignment vertical="center" wrapText="1"/>
      <protection locked="0"/>
    </xf>
    <xf numFmtId="49" fontId="1" fillId="0" borderId="8" xfId="0" applyNumberFormat="1" applyFont="1" applyFill="1" applyBorder="1" applyAlignment="1" applyProtection="1">
      <alignment horizontal="center" vertical="center" wrapText="1"/>
      <protection locked="0"/>
    </xf>
    <xf numFmtId="49" fontId="1" fillId="0" borderId="9" xfId="0" applyNumberFormat="1" applyFont="1" applyFill="1" applyBorder="1" applyAlignment="1" applyProtection="1">
      <alignment horizontal="center" vertical="center" wrapText="1"/>
    </xf>
    <xf numFmtId="49" fontId="6" fillId="0" borderId="9" xfId="0" applyNumberFormat="1" applyFont="1" applyFill="1" applyBorder="1" applyAlignment="1" applyProtection="1">
      <alignment horizontal="left" vertical="center" wrapText="1"/>
      <protection locked="0"/>
    </xf>
    <xf numFmtId="49" fontId="1" fillId="0" borderId="10" xfId="0" applyNumberFormat="1" applyFont="1" applyFill="1" applyBorder="1" applyAlignment="1" applyProtection="1">
      <alignment horizontal="center" vertical="center" wrapText="1"/>
    </xf>
    <xf numFmtId="49" fontId="6" fillId="0" borderId="25" xfId="0" applyNumberFormat="1" applyFont="1" applyFill="1" applyBorder="1" applyAlignment="1">
      <alignment horizontal="center" vertical="center"/>
    </xf>
    <xf numFmtId="49" fontId="6" fillId="0" borderId="25" xfId="0" applyNumberFormat="1" applyFont="1" applyFill="1" applyBorder="1" applyAlignment="1">
      <alignment vertical="center"/>
    </xf>
    <xf numFmtId="0" fontId="9" fillId="0" borderId="0" xfId="0" applyFont="1" applyAlignment="1">
      <alignment vertical="center"/>
    </xf>
    <xf numFmtId="0" fontId="9" fillId="0" borderId="0" xfId="0" applyFont="1" applyBorder="1" applyAlignment="1">
      <alignment vertical="center"/>
    </xf>
    <xf numFmtId="49" fontId="1" fillId="0" borderId="25" xfId="0" applyNumberFormat="1" applyFont="1" applyBorder="1" applyAlignment="1">
      <alignment vertical="center"/>
    </xf>
    <xf numFmtId="49" fontId="1" fillId="0" borderId="31" xfId="0" applyNumberFormat="1" applyFont="1" applyBorder="1" applyAlignment="1">
      <alignment vertical="center"/>
    </xf>
    <xf numFmtId="0" fontId="0" fillId="0" borderId="0" xfId="0" applyBorder="1">
      <alignment vertical="center"/>
    </xf>
    <xf numFmtId="0" fontId="6" fillId="0" borderId="0" xfId="0" applyFont="1" applyBorder="1" applyAlignment="1">
      <alignment vertical="top" wrapText="1"/>
    </xf>
    <xf numFmtId="49" fontId="1" fillId="0" borderId="1" xfId="0" applyNumberFormat="1" applyFont="1" applyFill="1" applyBorder="1" applyAlignment="1" applyProtection="1">
      <alignment vertical="center" wrapText="1"/>
      <protection locked="0"/>
    </xf>
    <xf numFmtId="0" fontId="3" fillId="0" borderId="0" xfId="0" applyFont="1" applyFill="1" applyBorder="1" applyAlignment="1">
      <alignment vertical="center"/>
    </xf>
    <xf numFmtId="0" fontId="1" fillId="0" borderId="32" xfId="0" applyFont="1" applyBorder="1" applyAlignment="1">
      <alignment vertical="center" justifyLastLine="1"/>
    </xf>
    <xf numFmtId="0" fontId="1" fillId="0" borderId="33" xfId="0" applyFont="1" applyBorder="1">
      <alignment vertical="center"/>
    </xf>
    <xf numFmtId="49" fontId="1" fillId="0" borderId="8" xfId="0" applyNumberFormat="1" applyFont="1" applyFill="1" applyBorder="1" applyAlignment="1" applyProtection="1">
      <alignment horizontal="left" vertical="center" wrapText="1"/>
      <protection locked="0"/>
    </xf>
    <xf numFmtId="0" fontId="1" fillId="0" borderId="32" xfId="0" applyFont="1" applyBorder="1">
      <alignment vertical="center"/>
    </xf>
    <xf numFmtId="0" fontId="1" fillId="0" borderId="32" xfId="0" applyFont="1" applyBorder="1" applyAlignment="1">
      <alignment horizontal="distributed" vertical="center" justifyLastLine="1"/>
    </xf>
    <xf numFmtId="49" fontId="1" fillId="0" borderId="0" xfId="0" applyNumberFormat="1" applyFont="1" applyFill="1" applyBorder="1" applyAlignment="1" applyProtection="1">
      <alignment horizontal="left" vertical="center" wrapText="1"/>
      <protection locked="0"/>
    </xf>
    <xf numFmtId="49" fontId="1" fillId="0" borderId="0" xfId="0" applyNumberFormat="1" applyFont="1" applyFill="1" applyBorder="1" applyAlignment="1" applyProtection="1">
      <alignment vertical="center" wrapText="1"/>
      <protection locked="0"/>
    </xf>
    <xf numFmtId="49" fontId="1" fillId="0" borderId="18" xfId="0" applyNumberFormat="1" applyFont="1" applyFill="1" applyBorder="1" applyAlignment="1" applyProtection="1">
      <alignment vertical="center" wrapText="1"/>
      <protection locked="0"/>
    </xf>
    <xf numFmtId="49" fontId="1" fillId="0" borderId="19" xfId="0" applyNumberFormat="1" applyFont="1" applyFill="1" applyBorder="1" applyAlignment="1" applyProtection="1">
      <alignment vertical="center" wrapText="1"/>
      <protection locked="0"/>
    </xf>
    <xf numFmtId="49" fontId="1" fillId="0" borderId="20" xfId="0" applyNumberFormat="1" applyFont="1" applyFill="1" applyBorder="1" applyAlignment="1" applyProtection="1">
      <alignment vertical="center" wrapText="1"/>
      <protection locked="0"/>
    </xf>
    <xf numFmtId="0" fontId="1" fillId="0" borderId="17" xfId="0" quotePrefix="1" applyFont="1" applyFill="1" applyBorder="1" applyAlignment="1">
      <alignment vertical="center"/>
    </xf>
    <xf numFmtId="0" fontId="0" fillId="0" borderId="17" xfId="0" quotePrefix="1" applyFill="1" applyBorder="1" applyAlignment="1">
      <alignment vertical="center"/>
    </xf>
    <xf numFmtId="0" fontId="1" fillId="0" borderId="3" xfId="0" quotePrefix="1" applyFont="1" applyFill="1" applyBorder="1" applyAlignment="1">
      <alignment vertical="center"/>
    </xf>
    <xf numFmtId="49" fontId="3" fillId="0" borderId="1" xfId="0" applyNumberFormat="1" applyFont="1" applyFill="1" applyBorder="1" applyAlignment="1" applyProtection="1">
      <alignment horizontal="right" vertical="center" wrapText="1"/>
      <protection locked="0"/>
    </xf>
    <xf numFmtId="49" fontId="1" fillId="0" borderId="0" xfId="0" applyNumberFormat="1" applyFont="1" applyFill="1" applyBorder="1" applyAlignment="1" applyProtection="1">
      <alignment horizontal="distributed" vertical="center" wrapText="1"/>
      <protection locked="0"/>
    </xf>
    <xf numFmtId="49" fontId="1" fillId="0" borderId="0" xfId="0" applyNumberFormat="1" applyFont="1" applyFill="1" applyBorder="1" applyAlignment="1" applyProtection="1">
      <alignment horizontal="right" vertical="center" wrapText="1"/>
      <protection locked="0"/>
    </xf>
    <xf numFmtId="0" fontId="11" fillId="0" borderId="17" xfId="0" applyFont="1" applyFill="1" applyBorder="1" applyAlignment="1">
      <alignment vertical="center"/>
    </xf>
    <xf numFmtId="0" fontId="11" fillId="0" borderId="0" xfId="0" applyFont="1">
      <alignment vertical="center"/>
    </xf>
    <xf numFmtId="0" fontId="11" fillId="0" borderId="17" xfId="0" quotePrefix="1" applyFont="1" applyFill="1" applyBorder="1" applyAlignment="1">
      <alignment vertical="center"/>
    </xf>
    <xf numFmtId="49" fontId="11" fillId="0" borderId="0" xfId="0" applyNumberFormat="1" applyFont="1" applyFill="1" applyBorder="1" applyAlignment="1" applyProtection="1">
      <alignment vertical="center" wrapText="1"/>
      <protection locked="0"/>
    </xf>
    <xf numFmtId="49" fontId="11" fillId="0" borderId="0" xfId="0" applyNumberFormat="1" applyFont="1" applyFill="1" applyBorder="1" applyAlignment="1" applyProtection="1">
      <alignment horizontal="left" vertical="center" wrapText="1"/>
      <protection locked="0"/>
    </xf>
    <xf numFmtId="0" fontId="3" fillId="0" borderId="0" xfId="0" applyFont="1" applyBorder="1" applyAlignment="1">
      <alignment vertical="center" justifyLastLine="1"/>
    </xf>
    <xf numFmtId="0" fontId="3" fillId="0" borderId="0" xfId="0" quotePrefix="1" applyFont="1" applyBorder="1" applyAlignment="1">
      <alignment vertical="center" justifyLastLine="1"/>
    </xf>
    <xf numFmtId="0" fontId="3" fillId="0" borderId="0" xfId="0" applyFont="1" applyBorder="1" applyAlignment="1">
      <alignment horizontal="distributed" vertical="center" wrapText="1" justifyLastLine="1"/>
    </xf>
    <xf numFmtId="0" fontId="3" fillId="0" borderId="0" xfId="0" applyFont="1" applyBorder="1" applyAlignment="1">
      <alignment horizontal="center" vertical="center" wrapText="1" justifyLastLine="1"/>
    </xf>
    <xf numFmtId="49" fontId="3" fillId="0" borderId="0" xfId="0" applyNumberFormat="1" applyFont="1" applyFill="1" applyBorder="1" applyAlignment="1" applyProtection="1">
      <alignment vertical="center" wrapText="1"/>
      <protection locked="0"/>
    </xf>
    <xf numFmtId="49" fontId="3" fillId="0" borderId="0" xfId="0" applyNumberFormat="1" applyFont="1" applyFill="1" applyBorder="1" applyAlignment="1" applyProtection="1">
      <alignment horizontal="left" vertical="center" wrapText="1"/>
      <protection locked="0"/>
    </xf>
    <xf numFmtId="49" fontId="1" fillId="0" borderId="0" xfId="0" applyNumberFormat="1" applyFont="1" applyFill="1" applyBorder="1" applyAlignment="1" applyProtection="1">
      <alignment horizontal="center" vertical="center" wrapText="1"/>
    </xf>
    <xf numFmtId="49" fontId="6" fillId="0" borderId="0" xfId="0" applyNumberFormat="1" applyFont="1" applyFill="1" applyBorder="1" applyAlignment="1" applyProtection="1">
      <alignment vertical="center"/>
      <protection locked="0"/>
    </xf>
    <xf numFmtId="49" fontId="16" fillId="0" borderId="27" xfId="0" applyNumberFormat="1" applyFont="1" applyFill="1" applyBorder="1" applyAlignment="1" applyProtection="1">
      <alignment horizontal="right"/>
      <protection hidden="1"/>
    </xf>
    <xf numFmtId="49" fontId="16" fillId="0" borderId="34" xfId="0" applyNumberFormat="1" applyFont="1" applyFill="1" applyBorder="1" applyAlignment="1" applyProtection="1">
      <alignment horizontal="right"/>
      <protection hidden="1"/>
    </xf>
    <xf numFmtId="49" fontId="16" fillId="0" borderId="28" xfId="0" applyNumberFormat="1" applyFont="1" applyFill="1" applyBorder="1" applyAlignment="1" applyProtection="1">
      <alignment horizontal="right"/>
      <protection locked="0"/>
    </xf>
    <xf numFmtId="49" fontId="16" fillId="0" borderId="35" xfId="0" applyNumberFormat="1" applyFont="1" applyFill="1" applyBorder="1" applyAlignment="1" applyProtection="1">
      <alignment horizontal="right"/>
      <protection locked="0"/>
    </xf>
    <xf numFmtId="49" fontId="16" fillId="0" borderId="36" xfId="0" applyNumberFormat="1" applyFont="1" applyFill="1" applyBorder="1" applyAlignment="1" applyProtection="1">
      <alignment horizontal="right"/>
      <protection hidden="1"/>
    </xf>
    <xf numFmtId="49" fontId="16" fillId="0" borderId="29" xfId="0" applyNumberFormat="1" applyFont="1" applyFill="1" applyBorder="1" applyAlignment="1" applyProtection="1">
      <alignment horizontal="right"/>
      <protection hidden="1"/>
    </xf>
    <xf numFmtId="49" fontId="16" fillId="0" borderId="37" xfId="0" applyNumberFormat="1" applyFont="1" applyFill="1" applyBorder="1" applyAlignment="1" applyProtection="1">
      <alignment horizontal="right"/>
      <protection hidden="1"/>
    </xf>
    <xf numFmtId="49" fontId="16" fillId="0" borderId="6" xfId="0" applyNumberFormat="1" applyFont="1" applyFill="1" applyBorder="1" applyAlignment="1" applyProtection="1">
      <alignment horizontal="right"/>
      <protection hidden="1"/>
    </xf>
    <xf numFmtId="49" fontId="16" fillId="0" borderId="38" xfId="0" applyNumberFormat="1" applyFont="1" applyFill="1" applyBorder="1" applyAlignment="1" applyProtection="1">
      <alignment horizontal="right"/>
      <protection hidden="1"/>
    </xf>
    <xf numFmtId="49" fontId="16" fillId="0" borderId="39" xfId="0" applyNumberFormat="1" applyFont="1" applyFill="1" applyBorder="1" applyAlignment="1" applyProtection="1">
      <alignment horizontal="right"/>
      <protection hidden="1"/>
    </xf>
    <xf numFmtId="49" fontId="16" fillId="0" borderId="40" xfId="0" applyNumberFormat="1" applyFont="1" applyFill="1" applyBorder="1" applyAlignment="1" applyProtection="1">
      <alignment horizontal="right"/>
      <protection hidden="1"/>
    </xf>
    <xf numFmtId="49" fontId="16" fillId="0" borderId="7" xfId="0" applyNumberFormat="1" applyFont="1" applyFill="1" applyBorder="1" applyAlignment="1" applyProtection="1">
      <alignment horizontal="right"/>
      <protection hidden="1"/>
    </xf>
    <xf numFmtId="49" fontId="16" fillId="0" borderId="41" xfId="0" applyNumberFormat="1" applyFont="1" applyFill="1" applyBorder="1" applyAlignment="1" applyProtection="1">
      <alignment horizontal="right"/>
      <protection hidden="1"/>
    </xf>
    <xf numFmtId="49" fontId="16" fillId="0" borderId="42" xfId="0" applyNumberFormat="1" applyFont="1" applyFill="1" applyBorder="1" applyAlignment="1" applyProtection="1">
      <alignment horizontal="right"/>
      <protection hidden="1"/>
    </xf>
    <xf numFmtId="49" fontId="16" fillId="0" borderId="43" xfId="0" applyNumberFormat="1" applyFont="1" applyFill="1" applyBorder="1" applyAlignment="1" applyProtection="1">
      <alignment horizontal="right"/>
      <protection hidden="1"/>
    </xf>
    <xf numFmtId="49" fontId="16" fillId="0" borderId="20" xfId="0" applyNumberFormat="1" applyFont="1" applyFill="1" applyBorder="1" applyAlignment="1" applyProtection="1">
      <alignment horizontal="right"/>
      <protection hidden="1"/>
    </xf>
    <xf numFmtId="49" fontId="16" fillId="0" borderId="44" xfId="0" applyNumberFormat="1" applyFont="1" applyFill="1" applyBorder="1" applyAlignment="1" applyProtection="1">
      <alignment horizontal="right"/>
      <protection hidden="1"/>
    </xf>
    <xf numFmtId="49" fontId="16" fillId="0" borderId="45" xfId="0" applyNumberFormat="1" applyFont="1" applyFill="1" applyBorder="1" applyAlignment="1" applyProtection="1">
      <alignment horizontal="right"/>
      <protection hidden="1"/>
    </xf>
    <xf numFmtId="49" fontId="16" fillId="0" borderId="28" xfId="0" applyNumberFormat="1" applyFont="1" applyFill="1" applyBorder="1" applyAlignment="1" applyProtection="1">
      <alignment horizontal="right"/>
      <protection hidden="1"/>
    </xf>
    <xf numFmtId="49" fontId="16" fillId="0" borderId="35" xfId="0" applyNumberFormat="1" applyFont="1" applyFill="1" applyBorder="1" applyAlignment="1" applyProtection="1">
      <alignment horizontal="right"/>
      <protection hidden="1"/>
    </xf>
    <xf numFmtId="49" fontId="16" fillId="0" borderId="46" xfId="0" applyNumberFormat="1" applyFont="1" applyFill="1" applyBorder="1" applyAlignment="1" applyProtection="1">
      <alignment horizontal="right"/>
      <protection hidden="1"/>
    </xf>
    <xf numFmtId="49" fontId="16" fillId="0" borderId="5" xfId="0" applyNumberFormat="1" applyFont="1" applyFill="1" applyBorder="1" applyAlignment="1" applyProtection="1">
      <alignment horizontal="right"/>
      <protection hidden="1"/>
    </xf>
    <xf numFmtId="49" fontId="14" fillId="0" borderId="30" xfId="0" applyNumberFormat="1" applyFont="1" applyFill="1" applyBorder="1" applyAlignment="1" applyProtection="1">
      <alignment vertical="center" wrapText="1"/>
      <protection locked="0"/>
    </xf>
    <xf numFmtId="49" fontId="14" fillId="0" borderId="5" xfId="0" applyNumberFormat="1" applyFont="1" applyFill="1" applyBorder="1" applyAlignment="1" applyProtection="1">
      <alignment vertical="center" wrapText="1"/>
      <protection locked="0"/>
    </xf>
    <xf numFmtId="49" fontId="14" fillId="0" borderId="8" xfId="0" applyNumberFormat="1" applyFont="1" applyFill="1" applyBorder="1" applyAlignment="1" applyProtection="1">
      <alignment vertical="center" wrapText="1"/>
      <protection locked="0"/>
    </xf>
    <xf numFmtId="49" fontId="15" fillId="0" borderId="9" xfId="0" applyNumberFormat="1" applyFont="1" applyFill="1" applyBorder="1" applyAlignment="1" applyProtection="1">
      <alignment vertical="center" wrapText="1"/>
      <protection locked="0"/>
    </xf>
    <xf numFmtId="49" fontId="5" fillId="0" borderId="34" xfId="0" applyNumberFormat="1" applyFont="1" applyFill="1" applyBorder="1" applyAlignment="1" applyProtection="1">
      <alignment horizontal="right" vertical="top"/>
      <protection hidden="1"/>
    </xf>
    <xf numFmtId="49" fontId="5" fillId="0" borderId="46" xfId="0" applyNumberFormat="1" applyFont="1" applyFill="1" applyBorder="1" applyAlignment="1" applyProtection="1">
      <alignment vertical="center"/>
      <protection locked="0"/>
    </xf>
    <xf numFmtId="49" fontId="16" fillId="0" borderId="47" xfId="0" applyNumberFormat="1" applyFont="1" applyFill="1" applyBorder="1" applyAlignment="1" applyProtection="1">
      <alignment horizontal="right"/>
      <protection hidden="1"/>
    </xf>
    <xf numFmtId="49" fontId="16" fillId="0" borderId="48" xfId="0" applyNumberFormat="1" applyFont="1" applyFill="1" applyBorder="1" applyAlignment="1" applyProtection="1">
      <alignment horizontal="right"/>
      <protection hidden="1"/>
    </xf>
    <xf numFmtId="49" fontId="16" fillId="0" borderId="15" xfId="0" applyNumberFormat="1" applyFont="1" applyFill="1" applyBorder="1" applyAlignment="1" applyProtection="1">
      <alignment horizontal="right"/>
      <protection hidden="1"/>
    </xf>
    <xf numFmtId="49" fontId="16" fillId="0" borderId="18" xfId="0" applyNumberFormat="1" applyFont="1" applyFill="1" applyBorder="1" applyAlignment="1" applyProtection="1">
      <alignment horizontal="right"/>
      <protection hidden="1"/>
    </xf>
    <xf numFmtId="49" fontId="14" fillId="0" borderId="9" xfId="0" applyNumberFormat="1" applyFont="1" applyFill="1" applyBorder="1" applyAlignment="1" applyProtection="1">
      <alignment vertical="center" wrapText="1"/>
      <protection locked="0"/>
    </xf>
    <xf numFmtId="49" fontId="17" fillId="0" borderId="30" xfId="0" applyNumberFormat="1" applyFont="1" applyFill="1" applyBorder="1" applyAlignment="1" applyProtection="1">
      <alignment vertical="center" wrapText="1"/>
      <protection locked="0"/>
    </xf>
    <xf numFmtId="49" fontId="17" fillId="0" borderId="5" xfId="0" applyNumberFormat="1" applyFont="1" applyFill="1" applyBorder="1" applyAlignment="1" applyProtection="1">
      <alignment vertical="center" wrapText="1"/>
      <protection locked="0"/>
    </xf>
    <xf numFmtId="49" fontId="18" fillId="0" borderId="30" xfId="0" applyNumberFormat="1" applyFont="1" applyFill="1" applyBorder="1" applyAlignment="1" applyProtection="1">
      <alignment vertical="center" wrapText="1"/>
      <protection locked="0"/>
    </xf>
    <xf numFmtId="49" fontId="18" fillId="0" borderId="8" xfId="0" applyNumberFormat="1" applyFont="1" applyFill="1" applyBorder="1" applyAlignment="1" applyProtection="1">
      <alignment vertical="center" wrapText="1"/>
      <protection locked="0"/>
    </xf>
    <xf numFmtId="49" fontId="18" fillId="0" borderId="9" xfId="0" applyNumberFormat="1" applyFont="1" applyFill="1" applyBorder="1" applyAlignment="1" applyProtection="1">
      <alignment vertical="center" wrapText="1"/>
      <protection locked="0"/>
    </xf>
    <xf numFmtId="49" fontId="15" fillId="0" borderId="34" xfId="0" applyNumberFormat="1" applyFont="1" applyFill="1" applyBorder="1" applyAlignment="1" applyProtection="1">
      <alignment horizontal="right" shrinkToFit="1"/>
      <protection hidden="1"/>
    </xf>
    <xf numFmtId="49" fontId="15" fillId="0" borderId="27" xfId="0" applyNumberFormat="1" applyFont="1" applyFill="1" applyBorder="1" applyAlignment="1" applyProtection="1">
      <alignment horizontal="right" shrinkToFit="1"/>
      <protection hidden="1"/>
    </xf>
    <xf numFmtId="49" fontId="16" fillId="0" borderId="34" xfId="0" applyNumberFormat="1" applyFont="1" applyFill="1" applyBorder="1" applyAlignment="1" applyProtection="1">
      <alignment horizontal="right" shrinkToFit="1"/>
      <protection hidden="1"/>
    </xf>
    <xf numFmtId="49" fontId="16" fillId="0" borderId="27" xfId="0" applyNumberFormat="1" applyFont="1" applyFill="1" applyBorder="1" applyAlignment="1" applyProtection="1">
      <alignment horizontal="right" shrinkToFit="1"/>
      <protection hidden="1"/>
    </xf>
    <xf numFmtId="49" fontId="19" fillId="0" borderId="30" xfId="0" applyNumberFormat="1" applyFont="1" applyFill="1" applyBorder="1" applyAlignment="1" applyProtection="1">
      <alignment vertical="center" wrapText="1"/>
      <protection locked="0"/>
    </xf>
    <xf numFmtId="49" fontId="19" fillId="0" borderId="8" xfId="0" applyNumberFormat="1" applyFont="1" applyFill="1" applyBorder="1" applyAlignment="1" applyProtection="1">
      <alignment vertical="center" wrapText="1"/>
      <protection locked="0"/>
    </xf>
    <xf numFmtId="49" fontId="17" fillId="0" borderId="8" xfId="0" applyNumberFormat="1" applyFont="1" applyFill="1" applyBorder="1" applyAlignment="1" applyProtection="1">
      <alignment vertical="center" wrapText="1"/>
      <protection locked="0"/>
    </xf>
    <xf numFmtId="49" fontId="20" fillId="0" borderId="8" xfId="0" applyNumberFormat="1" applyFont="1" applyFill="1" applyBorder="1" applyAlignment="1" applyProtection="1">
      <alignment vertical="center" wrapText="1"/>
      <protection locked="0"/>
    </xf>
    <xf numFmtId="49" fontId="18" fillId="0" borderId="38" xfId="0" applyNumberFormat="1" applyFont="1" applyFill="1" applyBorder="1" applyAlignment="1" applyProtection="1">
      <alignment horizontal="right"/>
      <protection hidden="1"/>
    </xf>
    <xf numFmtId="49" fontId="18" fillId="0" borderId="40" xfId="0" applyNumberFormat="1" applyFont="1" applyFill="1" applyBorder="1" applyAlignment="1" applyProtection="1">
      <alignment horizontal="right" shrinkToFit="1"/>
      <protection hidden="1"/>
    </xf>
    <xf numFmtId="49" fontId="18" fillId="0" borderId="39" xfId="0" applyNumberFormat="1" applyFont="1" applyFill="1" applyBorder="1" applyAlignment="1" applyProtection="1">
      <alignment horizontal="right"/>
      <protection hidden="1"/>
    </xf>
    <xf numFmtId="49" fontId="18" fillId="0" borderId="40" xfId="0" applyNumberFormat="1" applyFont="1" applyFill="1" applyBorder="1" applyAlignment="1" applyProtection="1">
      <alignment horizontal="right"/>
      <protection hidden="1"/>
    </xf>
    <xf numFmtId="49" fontId="18" fillId="0" borderId="7" xfId="0" applyNumberFormat="1" applyFont="1" applyFill="1" applyBorder="1" applyAlignment="1" applyProtection="1">
      <alignment horizontal="right"/>
      <protection hidden="1"/>
    </xf>
    <xf numFmtId="49" fontId="18" fillId="0" borderId="35" xfId="0" applyNumberFormat="1" applyFont="1" applyFill="1" applyBorder="1" applyAlignment="1" applyProtection="1">
      <alignment horizontal="right"/>
      <protection hidden="1"/>
    </xf>
    <xf numFmtId="49" fontId="18" fillId="0" borderId="49" xfId="0" applyNumberFormat="1" applyFont="1" applyFill="1" applyBorder="1" applyAlignment="1" applyProtection="1">
      <alignment horizontal="right"/>
      <protection hidden="1"/>
    </xf>
    <xf numFmtId="49" fontId="18" fillId="0" borderId="29" xfId="0" applyNumberFormat="1" applyFont="1" applyFill="1" applyBorder="1" applyAlignment="1" applyProtection="1">
      <alignment horizontal="right"/>
      <protection hidden="1"/>
    </xf>
    <xf numFmtId="49" fontId="18" fillId="0" borderId="37" xfId="0" applyNumberFormat="1" applyFont="1" applyFill="1" applyBorder="1" applyAlignment="1" applyProtection="1">
      <alignment horizontal="right"/>
      <protection hidden="1"/>
    </xf>
    <xf numFmtId="49" fontId="18" fillId="0" borderId="36" xfId="0" applyNumberFormat="1" applyFont="1" applyFill="1" applyBorder="1" applyAlignment="1" applyProtection="1">
      <alignment horizontal="right"/>
      <protection hidden="1"/>
    </xf>
    <xf numFmtId="49" fontId="18" fillId="0" borderId="6" xfId="0" applyNumberFormat="1" applyFont="1" applyFill="1" applyBorder="1" applyAlignment="1" applyProtection="1">
      <alignment horizontal="right"/>
      <protection hidden="1"/>
    </xf>
    <xf numFmtId="49" fontId="18" fillId="0" borderId="49" xfId="0" applyNumberFormat="1" applyFont="1" applyFill="1" applyBorder="1" applyAlignment="1" applyProtection="1">
      <alignment horizontal="right" shrinkToFit="1"/>
      <protection hidden="1"/>
    </xf>
    <xf numFmtId="49" fontId="18" fillId="0" borderId="50" xfId="0" applyNumberFormat="1" applyFont="1" applyFill="1" applyBorder="1" applyAlignment="1" applyProtection="1">
      <alignment horizontal="right" shrinkToFit="1"/>
      <protection hidden="1"/>
    </xf>
    <xf numFmtId="49" fontId="18" fillId="0" borderId="27" xfId="0" applyNumberFormat="1" applyFont="1" applyFill="1" applyBorder="1" applyAlignment="1" applyProtection="1">
      <alignment horizontal="right" shrinkToFit="1"/>
      <protection hidden="1"/>
    </xf>
    <xf numFmtId="49" fontId="18" fillId="0" borderId="34" xfId="0" applyNumberFormat="1" applyFont="1" applyFill="1" applyBorder="1" applyAlignment="1" applyProtection="1">
      <alignment horizontal="right" shrinkToFit="1"/>
      <protection hidden="1"/>
    </xf>
    <xf numFmtId="49" fontId="16" fillId="0" borderId="51" xfId="0" applyNumberFormat="1" applyFont="1" applyFill="1" applyBorder="1" applyAlignment="1" applyProtection="1">
      <alignment horizontal="right"/>
      <protection hidden="1"/>
    </xf>
    <xf numFmtId="49" fontId="16" fillId="0" borderId="52" xfId="0" applyNumberFormat="1" applyFont="1" applyFill="1" applyBorder="1" applyAlignment="1" applyProtection="1">
      <alignment horizontal="right"/>
      <protection hidden="1"/>
    </xf>
    <xf numFmtId="49" fontId="16" fillId="0" borderId="53" xfId="0" applyNumberFormat="1" applyFont="1" applyFill="1" applyBorder="1" applyAlignment="1" applyProtection="1">
      <alignment horizontal="right"/>
      <protection hidden="1"/>
    </xf>
    <xf numFmtId="49" fontId="17" fillId="0" borderId="9" xfId="0" applyNumberFormat="1" applyFont="1" applyFill="1" applyBorder="1" applyAlignment="1" applyProtection="1">
      <alignment vertical="center" wrapText="1"/>
      <protection locked="0"/>
    </xf>
    <xf numFmtId="49" fontId="17" fillId="0" borderId="4" xfId="0" applyNumberFormat="1" applyFont="1" applyFill="1" applyBorder="1" applyAlignment="1" applyProtection="1">
      <alignment vertical="center" wrapText="1"/>
      <protection locked="0"/>
    </xf>
    <xf numFmtId="49" fontId="18" fillId="0" borderId="54" xfId="0" applyNumberFormat="1" applyFont="1" applyFill="1" applyBorder="1" applyAlignment="1" applyProtection="1">
      <alignment horizontal="right" shrinkToFit="1"/>
      <protection hidden="1"/>
    </xf>
    <xf numFmtId="49" fontId="18" fillId="0" borderId="55" xfId="0" applyNumberFormat="1" applyFont="1" applyFill="1" applyBorder="1" applyAlignment="1" applyProtection="1">
      <alignment horizontal="right" shrinkToFit="1"/>
      <protection hidden="1"/>
    </xf>
    <xf numFmtId="49" fontId="18" fillId="0" borderId="34" xfId="0" applyNumberFormat="1" applyFont="1" applyFill="1" applyBorder="1" applyAlignment="1" applyProtection="1">
      <alignment horizontal="right"/>
      <protection hidden="1"/>
    </xf>
    <xf numFmtId="49" fontId="16" fillId="0" borderId="4" xfId="0" applyNumberFormat="1" applyFont="1" applyFill="1" applyBorder="1" applyAlignment="1" applyProtection="1">
      <alignment vertical="center" wrapText="1"/>
      <protection locked="0"/>
    </xf>
    <xf numFmtId="49" fontId="16" fillId="0" borderId="5" xfId="0" applyNumberFormat="1" applyFont="1" applyFill="1" applyBorder="1" applyAlignment="1" applyProtection="1">
      <alignment vertical="center" wrapText="1"/>
      <protection locked="0"/>
    </xf>
    <xf numFmtId="49" fontId="14" fillId="0" borderId="4" xfId="0" applyNumberFormat="1" applyFont="1" applyFill="1" applyBorder="1" applyAlignment="1" applyProtection="1">
      <alignment vertical="center" wrapText="1"/>
      <protection locked="0"/>
    </xf>
    <xf numFmtId="49" fontId="2" fillId="0" borderId="56" xfId="0" applyNumberFormat="1" applyFont="1" applyFill="1" applyBorder="1" applyAlignment="1" applyProtection="1">
      <alignment horizontal="right" vertical="justify" wrapText="1" shrinkToFit="1"/>
      <protection hidden="1"/>
    </xf>
    <xf numFmtId="49" fontId="16" fillId="0" borderId="6" xfId="0" applyNumberFormat="1" applyFont="1" applyFill="1" applyBorder="1" applyAlignment="1" applyProtection="1">
      <alignment horizontal="right" shrinkToFit="1"/>
      <protection hidden="1"/>
    </xf>
    <xf numFmtId="49" fontId="2" fillId="0" borderId="4" xfId="0" applyNumberFormat="1" applyFont="1" applyFill="1" applyBorder="1" applyAlignment="1" applyProtection="1">
      <alignment horizontal="right" vertical="justify" wrapText="1" shrinkToFit="1"/>
      <protection hidden="1"/>
    </xf>
    <xf numFmtId="49" fontId="14" fillId="0" borderId="1" xfId="0" applyNumberFormat="1" applyFont="1" applyFill="1" applyBorder="1" applyAlignment="1" applyProtection="1">
      <alignment vertical="center" wrapText="1"/>
      <protection locked="0"/>
    </xf>
    <xf numFmtId="49" fontId="18" fillId="0" borderId="12" xfId="0" applyNumberFormat="1" applyFont="1" applyFill="1" applyBorder="1" applyAlignment="1" applyProtection="1">
      <alignment vertical="center" wrapText="1"/>
      <protection locked="0"/>
    </xf>
    <xf numFmtId="49" fontId="17" fillId="0" borderId="12" xfId="0" applyNumberFormat="1" applyFont="1" applyFill="1" applyBorder="1" applyAlignment="1" applyProtection="1">
      <alignment vertical="center" wrapText="1"/>
      <protection locked="0"/>
    </xf>
    <xf numFmtId="49" fontId="16" fillId="0" borderId="11" xfId="0" applyNumberFormat="1" applyFont="1" applyFill="1" applyBorder="1" applyAlignment="1" applyProtection="1">
      <alignment vertical="center" wrapText="1"/>
      <protection locked="0"/>
    </xf>
    <xf numFmtId="49" fontId="15" fillId="0" borderId="11" xfId="0" applyNumberFormat="1" applyFont="1" applyFill="1" applyBorder="1" applyAlignment="1" applyProtection="1">
      <alignment vertical="center" wrapText="1"/>
      <protection locked="0"/>
    </xf>
    <xf numFmtId="49" fontId="16" fillId="0" borderId="9" xfId="0" applyNumberFormat="1" applyFont="1" applyFill="1" applyBorder="1" applyAlignment="1" applyProtection="1">
      <alignment vertical="center" wrapText="1"/>
      <protection locked="0"/>
    </xf>
    <xf numFmtId="49" fontId="14" fillId="0" borderId="57" xfId="0" applyNumberFormat="1" applyFont="1" applyFill="1" applyBorder="1" applyAlignment="1" applyProtection="1">
      <alignment vertical="center" wrapText="1"/>
      <protection locked="0"/>
    </xf>
    <xf numFmtId="49" fontId="18" fillId="0" borderId="27" xfId="0" applyNumberFormat="1" applyFont="1" applyFill="1" applyBorder="1" applyAlignment="1" applyProtection="1">
      <alignment horizontal="right"/>
      <protection hidden="1"/>
    </xf>
    <xf numFmtId="49" fontId="16" fillId="0" borderId="8" xfId="0" applyNumberFormat="1" applyFont="1" applyFill="1" applyBorder="1" applyAlignment="1" applyProtection="1">
      <alignment vertical="center" wrapText="1"/>
      <protection locked="0"/>
    </xf>
    <xf numFmtId="49" fontId="22" fillId="0" borderId="11" xfId="0" applyNumberFormat="1" applyFont="1" applyFill="1" applyBorder="1" applyAlignment="1" applyProtection="1">
      <alignment vertical="center" wrapText="1"/>
      <protection locked="0"/>
    </xf>
    <xf numFmtId="49" fontId="18" fillId="0" borderId="11" xfId="0" applyNumberFormat="1" applyFont="1" applyFill="1" applyBorder="1" applyAlignment="1" applyProtection="1">
      <alignment vertical="center" wrapText="1"/>
      <protection locked="0"/>
    </xf>
    <xf numFmtId="49" fontId="16" fillId="0" borderId="58" xfId="0" applyNumberFormat="1" applyFont="1" applyFill="1" applyBorder="1" applyAlignment="1" applyProtection="1">
      <alignment horizontal="right"/>
      <protection hidden="1"/>
    </xf>
    <xf numFmtId="49" fontId="16" fillId="0" borderId="16" xfId="0" applyNumberFormat="1" applyFont="1" applyFill="1" applyBorder="1" applyAlignment="1" applyProtection="1">
      <alignment horizontal="right"/>
      <protection hidden="1"/>
    </xf>
    <xf numFmtId="49" fontId="21" fillId="0" borderId="59" xfId="0" applyNumberFormat="1" applyFont="1" applyFill="1" applyBorder="1" applyAlignment="1" applyProtection="1">
      <alignment horizontal="right" shrinkToFit="1"/>
      <protection hidden="1"/>
    </xf>
    <xf numFmtId="49" fontId="21" fillId="0" borderId="35" xfId="0" applyNumberFormat="1" applyFont="1" applyFill="1" applyBorder="1" applyAlignment="1" applyProtection="1">
      <alignment horizontal="right"/>
      <protection hidden="1"/>
    </xf>
    <xf numFmtId="49" fontId="21" fillId="0" borderId="54" xfId="0" applyNumberFormat="1" applyFont="1" applyFill="1" applyBorder="1" applyAlignment="1" applyProtection="1">
      <alignment horizontal="right" shrinkToFit="1"/>
      <protection hidden="1"/>
    </xf>
    <xf numFmtId="49" fontId="21" fillId="0" borderId="29" xfId="0" applyNumberFormat="1" applyFont="1" applyFill="1" applyBorder="1" applyAlignment="1" applyProtection="1">
      <alignment horizontal="right"/>
      <protection hidden="1"/>
    </xf>
    <xf numFmtId="49" fontId="21" fillId="0" borderId="37" xfId="0" applyNumberFormat="1" applyFont="1" applyFill="1" applyBorder="1" applyAlignment="1" applyProtection="1">
      <alignment horizontal="right"/>
      <protection hidden="1"/>
    </xf>
    <xf numFmtId="49" fontId="21" fillId="0" borderId="36" xfId="0" applyNumberFormat="1" applyFont="1" applyFill="1" applyBorder="1" applyAlignment="1" applyProtection="1">
      <alignment horizontal="right"/>
      <protection hidden="1"/>
    </xf>
    <xf numFmtId="49" fontId="21" fillId="0" borderId="6" xfId="0" applyNumberFormat="1" applyFont="1" applyFill="1" applyBorder="1" applyAlignment="1" applyProtection="1">
      <alignment horizontal="right"/>
      <protection hidden="1"/>
    </xf>
    <xf numFmtId="49" fontId="21" fillId="0" borderId="48" xfId="0" applyNumberFormat="1" applyFont="1" applyFill="1" applyBorder="1" applyAlignment="1" applyProtection="1">
      <alignment horizontal="right"/>
      <protection hidden="1"/>
    </xf>
    <xf numFmtId="49" fontId="21" fillId="0" borderId="15" xfId="0" applyNumberFormat="1" applyFont="1" applyFill="1" applyBorder="1" applyAlignment="1" applyProtection="1">
      <alignment horizontal="right"/>
      <protection hidden="1"/>
    </xf>
    <xf numFmtId="49" fontId="21" fillId="0" borderId="47" xfId="0" applyNumberFormat="1" applyFont="1" applyFill="1" applyBorder="1" applyAlignment="1" applyProtection="1">
      <alignment horizontal="right"/>
      <protection hidden="1"/>
    </xf>
    <xf numFmtId="49" fontId="21" fillId="0" borderId="18" xfId="0" applyNumberFormat="1" applyFont="1" applyFill="1" applyBorder="1" applyAlignment="1" applyProtection="1">
      <alignment horizontal="right"/>
      <protection hidden="1"/>
    </xf>
    <xf numFmtId="49" fontId="21" fillId="0" borderId="40" xfId="0" applyNumberFormat="1" applyFont="1" applyFill="1" applyBorder="1" applyAlignment="1" applyProtection="1">
      <alignment horizontal="right"/>
      <protection hidden="1"/>
    </xf>
    <xf numFmtId="49" fontId="21" fillId="0" borderId="38" xfId="0" applyNumberFormat="1" applyFont="1" applyFill="1" applyBorder="1" applyAlignment="1" applyProtection="1">
      <alignment horizontal="right"/>
      <protection hidden="1"/>
    </xf>
    <xf numFmtId="49" fontId="21" fillId="0" borderId="39" xfId="0" applyNumberFormat="1" applyFont="1" applyFill="1" applyBorder="1" applyAlignment="1" applyProtection="1">
      <alignment horizontal="right"/>
      <protection hidden="1"/>
    </xf>
    <xf numFmtId="49" fontId="21" fillId="0" borderId="7" xfId="0" applyNumberFormat="1" applyFont="1" applyFill="1" applyBorder="1" applyAlignment="1" applyProtection="1">
      <alignment horizontal="right"/>
      <protection hidden="1"/>
    </xf>
    <xf numFmtId="49" fontId="17" fillId="0" borderId="9" xfId="0" applyNumberFormat="1" applyFont="1" applyFill="1" applyBorder="1" applyAlignment="1" applyProtection="1">
      <alignment vertical="center" wrapText="1"/>
    </xf>
    <xf numFmtId="49" fontId="21" fillId="0" borderId="34" xfId="0" applyNumberFormat="1" applyFont="1" applyFill="1" applyBorder="1" applyAlignment="1" applyProtection="1">
      <alignment horizontal="right" shrinkToFit="1"/>
      <protection hidden="1"/>
    </xf>
    <xf numFmtId="49" fontId="21" fillId="0" borderId="27" xfId="0" applyNumberFormat="1" applyFont="1" applyFill="1" applyBorder="1" applyAlignment="1" applyProtection="1">
      <alignment horizontal="right" shrinkToFit="1"/>
      <protection hidden="1"/>
    </xf>
    <xf numFmtId="49" fontId="15" fillId="0" borderId="40" xfId="0" applyNumberFormat="1" applyFont="1" applyFill="1" applyBorder="1" applyAlignment="1" applyProtection="1">
      <alignment horizontal="right"/>
      <protection hidden="1"/>
    </xf>
    <xf numFmtId="49" fontId="15" fillId="0" borderId="38" xfId="0" applyNumberFormat="1" applyFont="1" applyFill="1" applyBorder="1" applyAlignment="1" applyProtection="1">
      <alignment horizontal="right"/>
      <protection hidden="1"/>
    </xf>
    <xf numFmtId="49" fontId="15" fillId="0" borderId="39" xfId="0" applyNumberFormat="1" applyFont="1" applyFill="1" applyBorder="1" applyAlignment="1" applyProtection="1">
      <alignment horizontal="right"/>
      <protection hidden="1"/>
    </xf>
    <xf numFmtId="49" fontId="15" fillId="0" borderId="7" xfId="0" applyNumberFormat="1" applyFont="1" applyFill="1" applyBorder="1" applyAlignment="1" applyProtection="1">
      <alignment horizontal="right"/>
      <protection hidden="1"/>
    </xf>
    <xf numFmtId="49" fontId="1" fillId="0" borderId="8" xfId="0" applyNumberFormat="1" applyFont="1" applyFill="1" applyBorder="1" applyAlignment="1" applyProtection="1">
      <alignment horizontal="center" vertical="center" wrapText="1"/>
    </xf>
    <xf numFmtId="49" fontId="14" fillId="0" borderId="0" xfId="0" applyNumberFormat="1" applyFont="1" applyFill="1" applyBorder="1" applyAlignment="1" applyProtection="1">
      <alignment vertical="center" wrapText="1"/>
      <protection locked="0"/>
    </xf>
    <xf numFmtId="49" fontId="1" fillId="0" borderId="33" xfId="0" applyNumberFormat="1" applyFont="1" applyFill="1" applyBorder="1" applyAlignment="1">
      <alignment vertical="center"/>
    </xf>
    <xf numFmtId="0" fontId="1" fillId="0" borderId="17" xfId="0" applyFont="1" applyBorder="1" applyAlignment="1"/>
    <xf numFmtId="0" fontId="1" fillId="0" borderId="0" xfId="0" applyFont="1" applyBorder="1" applyAlignment="1"/>
    <xf numFmtId="0" fontId="1" fillId="0" borderId="17" xfId="0" applyFont="1" applyBorder="1" applyAlignment="1">
      <alignment vertical="center"/>
    </xf>
    <xf numFmtId="0" fontId="1" fillId="0" borderId="3" xfId="0" applyFont="1" applyBorder="1" applyAlignment="1"/>
    <xf numFmtId="0" fontId="8" fillId="0" borderId="60" xfId="0" applyFont="1" applyBorder="1">
      <alignment vertical="center"/>
    </xf>
    <xf numFmtId="0" fontId="1" fillId="0" borderId="61" xfId="0" applyFont="1" applyBorder="1">
      <alignment vertical="center"/>
    </xf>
    <xf numFmtId="0" fontId="1" fillId="0" borderId="62" xfId="0" applyFont="1" applyBorder="1">
      <alignment vertical="center"/>
    </xf>
    <xf numFmtId="0" fontId="1" fillId="0" borderId="0" xfId="0" applyFont="1" applyBorder="1" applyAlignment="1">
      <alignment horizontal="center" vertical="center"/>
    </xf>
    <xf numFmtId="0" fontId="0" fillId="0" borderId="61" xfId="0" applyBorder="1" applyAlignment="1">
      <alignment vertical="center"/>
    </xf>
    <xf numFmtId="0" fontId="3" fillId="0" borderId="0" xfId="0" applyFont="1" applyBorder="1" applyAlignment="1">
      <alignment horizontal="center" vertical="center"/>
    </xf>
    <xf numFmtId="0" fontId="3" fillId="0" borderId="0" xfId="0" applyFont="1" applyBorder="1" applyAlignment="1">
      <alignment horizontal="left" vertical="center" wrapText="1"/>
    </xf>
    <xf numFmtId="0" fontId="7" fillId="0" borderId="63" xfId="0" applyFont="1" applyBorder="1">
      <alignment vertical="center"/>
    </xf>
    <xf numFmtId="0" fontId="27" fillId="0" borderId="0" xfId="0" applyFont="1" applyAlignment="1">
      <alignment vertical="center"/>
    </xf>
    <xf numFmtId="0" fontId="28" fillId="0" borderId="0" xfId="0" applyFont="1" applyAlignment="1">
      <alignment vertical="center"/>
    </xf>
    <xf numFmtId="0" fontId="1" fillId="0" borderId="0" xfId="0" applyFont="1" applyAlignment="1">
      <alignment horizontal="right" vertical="center"/>
    </xf>
    <xf numFmtId="0" fontId="1" fillId="0" borderId="64" xfId="0" applyFont="1" applyBorder="1">
      <alignment vertical="center"/>
    </xf>
    <xf numFmtId="0" fontId="1" fillId="0" borderId="65" xfId="0" applyFont="1" applyBorder="1">
      <alignment vertical="center"/>
    </xf>
    <xf numFmtId="0" fontId="1" fillId="0" borderId="18" xfId="0" applyFont="1" applyBorder="1" applyAlignment="1">
      <alignment vertical="center"/>
    </xf>
    <xf numFmtId="0" fontId="1" fillId="0" borderId="26" xfId="0" applyFont="1" applyBorder="1" applyAlignment="1">
      <alignment vertical="center" justifyLastLine="1"/>
    </xf>
    <xf numFmtId="0" fontId="1" fillId="0" borderId="6" xfId="0" applyFont="1" applyBorder="1" applyAlignment="1">
      <alignment vertical="center" justifyLastLine="1"/>
    </xf>
    <xf numFmtId="0" fontId="1" fillId="0" borderId="66" xfId="0" applyFont="1" applyBorder="1">
      <alignment vertical="center"/>
    </xf>
    <xf numFmtId="0" fontId="1" fillId="0" borderId="67" xfId="0" applyFont="1" applyBorder="1">
      <alignment vertical="center"/>
    </xf>
    <xf numFmtId="0" fontId="6" fillId="0" borderId="19" xfId="0" applyFont="1" applyBorder="1">
      <alignment vertical="center"/>
    </xf>
    <xf numFmtId="0" fontId="1" fillId="0" borderId="19" xfId="0" applyFont="1" applyFill="1" applyBorder="1">
      <alignment vertical="center"/>
    </xf>
    <xf numFmtId="0" fontId="1" fillId="0" borderId="53" xfId="0" applyFont="1" applyBorder="1">
      <alignment vertical="center"/>
    </xf>
    <xf numFmtId="0" fontId="6" fillId="0" borderId="18" xfId="0" applyFont="1" applyBorder="1">
      <alignment vertical="center"/>
    </xf>
    <xf numFmtId="0" fontId="6" fillId="0" borderId="17" xfId="0" applyFont="1" applyBorder="1" applyAlignment="1"/>
    <xf numFmtId="0" fontId="1" fillId="0" borderId="0" xfId="0" applyFont="1" applyBorder="1" applyAlignment="1">
      <alignment horizontal="right"/>
    </xf>
    <xf numFmtId="0" fontId="1" fillId="0" borderId="18" xfId="0" applyFont="1" applyBorder="1" applyAlignment="1"/>
    <xf numFmtId="0" fontId="0" fillId="0" borderId="18" xfId="0" applyBorder="1" applyAlignment="1">
      <alignment vertical="top"/>
    </xf>
    <xf numFmtId="0" fontId="1" fillId="0" borderId="18" xfId="0" applyFont="1" applyBorder="1" applyAlignment="1">
      <alignment vertical="top"/>
    </xf>
    <xf numFmtId="0" fontId="6" fillId="0" borderId="0" xfId="0" applyFont="1" applyBorder="1" applyAlignment="1"/>
    <xf numFmtId="0" fontId="6" fillId="0" borderId="17" xfId="0" applyFont="1" applyBorder="1" applyAlignment="1">
      <alignment vertical="center"/>
    </xf>
    <xf numFmtId="0" fontId="6" fillId="0" borderId="17" xfId="0" applyFont="1" applyBorder="1" applyAlignment="1">
      <alignment vertical="top"/>
    </xf>
    <xf numFmtId="0" fontId="1" fillId="0" borderId="3" xfId="0" applyFont="1" applyBorder="1" applyAlignment="1">
      <alignment vertical="center"/>
    </xf>
    <xf numFmtId="0" fontId="8" fillId="0" borderId="61" xfId="0" applyFont="1" applyBorder="1" applyAlignment="1">
      <alignment horizontal="left" vertical="center"/>
    </xf>
    <xf numFmtId="0" fontId="0" fillId="0" borderId="61" xfId="0" applyBorder="1" applyAlignment="1">
      <alignment horizontal="left" vertical="center"/>
    </xf>
    <xf numFmtId="0" fontId="8" fillId="0" borderId="1" xfId="0" applyFont="1" applyBorder="1" applyAlignment="1">
      <alignment horizontal="left" vertical="center"/>
    </xf>
    <xf numFmtId="0" fontId="8" fillId="0" borderId="0" xfId="0" applyFont="1" applyBorder="1">
      <alignment vertical="center"/>
    </xf>
    <xf numFmtId="0" fontId="8" fillId="0" borderId="0" xfId="0" applyFont="1">
      <alignment vertical="center"/>
    </xf>
    <xf numFmtId="0" fontId="3" fillId="0" borderId="0" xfId="0" applyFont="1" applyBorder="1" applyAlignment="1">
      <alignment horizontal="left" vertical="center"/>
    </xf>
    <xf numFmtId="0" fontId="8" fillId="0" borderId="0" xfId="0" applyFont="1" applyBorder="1" applyAlignment="1">
      <alignment horizontal="center" vertical="center"/>
    </xf>
    <xf numFmtId="0" fontId="8" fillId="0" borderId="17" xfId="0" applyFont="1" applyBorder="1" applyAlignment="1">
      <alignment vertical="center"/>
    </xf>
    <xf numFmtId="49" fontId="16" fillId="0" borderId="50" xfId="0" applyNumberFormat="1" applyFont="1" applyFill="1" applyBorder="1" applyAlignment="1" applyProtection="1">
      <alignment horizontal="right"/>
      <protection hidden="1"/>
    </xf>
    <xf numFmtId="49" fontId="16" fillId="0" borderId="68" xfId="0" applyNumberFormat="1" applyFont="1" applyFill="1" applyBorder="1" applyAlignment="1" applyProtection="1">
      <alignment horizontal="right"/>
      <protection hidden="1"/>
    </xf>
    <xf numFmtId="49" fontId="16" fillId="0" borderId="69" xfId="0" applyNumberFormat="1" applyFont="1" applyFill="1" applyBorder="1" applyAlignment="1" applyProtection="1">
      <alignment horizontal="right"/>
      <protection hidden="1"/>
    </xf>
    <xf numFmtId="49" fontId="1" fillId="0" borderId="17" xfId="0" applyNumberFormat="1" applyFont="1" applyFill="1" applyBorder="1" applyAlignment="1">
      <alignment vertical="center"/>
    </xf>
    <xf numFmtId="49" fontId="16" fillId="0" borderId="55" xfId="0" applyNumberFormat="1" applyFont="1" applyFill="1" applyBorder="1" applyAlignment="1" applyProtection="1">
      <alignment horizontal="right"/>
      <protection hidden="1"/>
    </xf>
    <xf numFmtId="49" fontId="16" fillId="0" borderId="56" xfId="0" applyNumberFormat="1" applyFont="1" applyFill="1" applyBorder="1" applyAlignment="1" applyProtection="1">
      <alignment horizontal="right"/>
      <protection hidden="1"/>
    </xf>
    <xf numFmtId="49" fontId="16" fillId="0" borderId="54" xfId="0" applyNumberFormat="1" applyFont="1" applyFill="1" applyBorder="1" applyAlignment="1" applyProtection="1">
      <alignment horizontal="right"/>
      <protection hidden="1"/>
    </xf>
    <xf numFmtId="49" fontId="16" fillId="0" borderId="4" xfId="0" applyNumberFormat="1" applyFont="1" applyFill="1" applyBorder="1" applyAlignment="1" applyProtection="1">
      <alignment horizontal="right"/>
      <protection hidden="1"/>
    </xf>
    <xf numFmtId="49" fontId="1" fillId="0" borderId="20" xfId="0" applyNumberFormat="1" applyFont="1" applyFill="1" applyBorder="1" applyAlignment="1">
      <alignment horizontal="left" vertical="center"/>
    </xf>
    <xf numFmtId="49" fontId="1" fillId="0" borderId="19" xfId="0" applyNumberFormat="1" applyFont="1" applyFill="1" applyBorder="1" applyAlignment="1">
      <alignment horizontal="left" vertical="center"/>
    </xf>
    <xf numFmtId="49" fontId="1" fillId="0" borderId="70" xfId="0" quotePrefix="1" applyNumberFormat="1" applyFont="1" applyFill="1" applyBorder="1" applyAlignment="1">
      <alignment horizontal="center" vertical="center"/>
    </xf>
    <xf numFmtId="49" fontId="1" fillId="0" borderId="71" xfId="0" applyNumberFormat="1" applyFont="1" applyFill="1" applyBorder="1" applyAlignment="1" applyProtection="1">
      <alignment vertical="center" wrapText="1"/>
      <protection locked="0"/>
    </xf>
    <xf numFmtId="0" fontId="7" fillId="0" borderId="17" xfId="0" applyFont="1" applyBorder="1" applyAlignment="1">
      <alignment vertical="center"/>
    </xf>
    <xf numFmtId="49" fontId="1" fillId="0" borderId="70" xfId="0" applyNumberFormat="1" applyFont="1" applyFill="1" applyBorder="1" applyAlignment="1" applyProtection="1">
      <alignment vertical="center" wrapText="1"/>
      <protection locked="0"/>
    </xf>
    <xf numFmtId="49" fontId="6" fillId="0" borderId="21" xfId="0" applyNumberFormat="1" applyFont="1" applyFill="1" applyBorder="1" applyAlignment="1">
      <alignment horizontal="center" vertical="center"/>
    </xf>
    <xf numFmtId="49" fontId="6" fillId="0" borderId="24" xfId="0" applyNumberFormat="1" applyFont="1" applyFill="1" applyBorder="1" applyAlignment="1">
      <alignment vertical="center"/>
    </xf>
    <xf numFmtId="49" fontId="6" fillId="0" borderId="22" xfId="0" applyNumberFormat="1" applyFont="1" applyFill="1" applyBorder="1" applyAlignment="1">
      <alignment horizontal="center" vertical="center"/>
    </xf>
    <xf numFmtId="49" fontId="6" fillId="0" borderId="72" xfId="0" applyNumberFormat="1" applyFont="1" applyFill="1" applyBorder="1" applyAlignment="1">
      <alignment horizontal="center" vertical="center"/>
    </xf>
    <xf numFmtId="49" fontId="6" fillId="0" borderId="2" xfId="0" applyNumberFormat="1" applyFont="1" applyFill="1" applyBorder="1" applyAlignment="1">
      <alignment horizontal="center" vertical="center"/>
    </xf>
    <xf numFmtId="49" fontId="1" fillId="0" borderId="73" xfId="0" applyNumberFormat="1" applyFont="1" applyFill="1" applyBorder="1" applyAlignment="1" applyProtection="1">
      <alignment vertical="center" wrapText="1"/>
      <protection locked="0"/>
    </xf>
    <xf numFmtId="49" fontId="6" fillId="0" borderId="31" xfId="0" applyNumberFormat="1" applyFont="1" applyFill="1" applyBorder="1" applyAlignment="1">
      <alignment horizontal="center" vertical="center"/>
    </xf>
    <xf numFmtId="49" fontId="6" fillId="0" borderId="23" xfId="0" applyNumberFormat="1" applyFont="1" applyFill="1" applyBorder="1" applyAlignment="1">
      <alignment horizontal="center" vertical="center"/>
    </xf>
    <xf numFmtId="49" fontId="6" fillId="0" borderId="74" xfId="0" applyNumberFormat="1" applyFont="1" applyFill="1" applyBorder="1" applyAlignment="1">
      <alignment horizontal="center" vertical="center"/>
    </xf>
    <xf numFmtId="0" fontId="35" fillId="0" borderId="2" xfId="0" applyFont="1" applyBorder="1">
      <alignment vertical="center"/>
    </xf>
    <xf numFmtId="0" fontId="8" fillId="0" borderId="74" xfId="0" applyFont="1" applyBorder="1">
      <alignment vertical="center"/>
    </xf>
    <xf numFmtId="49" fontId="8" fillId="0" borderId="10" xfId="0" applyNumberFormat="1" applyFont="1" applyFill="1" applyBorder="1" applyAlignment="1" applyProtection="1">
      <alignment vertical="center" wrapText="1"/>
    </xf>
    <xf numFmtId="49" fontId="8" fillId="0" borderId="0" xfId="0" applyNumberFormat="1" applyFont="1" applyFill="1" applyBorder="1" applyAlignment="1" applyProtection="1">
      <alignment vertical="center" wrapText="1"/>
      <protection locked="0"/>
    </xf>
    <xf numFmtId="49" fontId="8" fillId="0" borderId="0" xfId="0" applyNumberFormat="1" applyFont="1" applyFill="1" applyBorder="1" applyAlignment="1" applyProtection="1">
      <alignment vertical="center" wrapText="1"/>
    </xf>
    <xf numFmtId="49" fontId="0" fillId="0" borderId="0" xfId="0" applyNumberFormat="1" applyFill="1" applyBorder="1" applyAlignment="1" applyProtection="1">
      <alignment horizontal="right" vertical="center" wrapText="1"/>
      <protection locked="0"/>
    </xf>
    <xf numFmtId="0" fontId="0" fillId="0" borderId="0" xfId="0" applyBorder="1" applyAlignment="1">
      <alignment vertical="center"/>
    </xf>
    <xf numFmtId="0" fontId="35" fillId="0" borderId="0" xfId="0" applyFont="1" applyAlignment="1">
      <alignment horizontal="left" vertical="center" wrapText="1"/>
    </xf>
    <xf numFmtId="0" fontId="8" fillId="0" borderId="75" xfId="0" applyFont="1" applyBorder="1" applyAlignment="1">
      <alignment horizontal="center" vertical="center"/>
    </xf>
    <xf numFmtId="0" fontId="8" fillId="0" borderId="76" xfId="0" applyFont="1" applyFill="1" applyBorder="1" applyAlignment="1">
      <alignment horizontal="center" vertical="center"/>
    </xf>
    <xf numFmtId="0" fontId="8" fillId="0" borderId="15" xfId="0" applyFont="1" applyFill="1" applyBorder="1">
      <alignment vertical="center"/>
    </xf>
    <xf numFmtId="0" fontId="8" fillId="0" borderId="0" xfId="0" applyFont="1" applyFill="1" applyBorder="1">
      <alignment vertical="center"/>
    </xf>
    <xf numFmtId="0" fontId="1" fillId="0" borderId="0" xfId="0" applyFont="1" applyFill="1">
      <alignment vertical="center"/>
    </xf>
    <xf numFmtId="0" fontId="8" fillId="0" borderId="0" xfId="0" applyFont="1" applyFill="1">
      <alignment vertical="center"/>
    </xf>
    <xf numFmtId="0" fontId="8" fillId="0" borderId="77" xfId="0" applyFont="1" applyFill="1" applyBorder="1">
      <alignment vertical="center"/>
    </xf>
    <xf numFmtId="49" fontId="1" fillId="0" borderId="78" xfId="0" applyNumberFormat="1" applyFont="1" applyFill="1" applyBorder="1" applyAlignment="1">
      <alignment horizontal="center" vertical="center"/>
    </xf>
    <xf numFmtId="49" fontId="1" fillId="0" borderId="7" xfId="0" applyNumberFormat="1" applyFont="1" applyFill="1" applyBorder="1" applyAlignment="1">
      <alignment horizontal="center" vertical="center"/>
    </xf>
    <xf numFmtId="49" fontId="1" fillId="0" borderId="5" xfId="0" applyNumberFormat="1" applyFont="1" applyFill="1" applyBorder="1" applyAlignment="1" applyProtection="1">
      <alignment vertical="center" wrapText="1"/>
    </xf>
    <xf numFmtId="49" fontId="1" fillId="0" borderId="53" xfId="0" applyNumberFormat="1" applyFont="1" applyFill="1" applyBorder="1" applyAlignment="1" applyProtection="1">
      <alignment vertical="center" wrapText="1"/>
    </xf>
    <xf numFmtId="49" fontId="3" fillId="0" borderId="0" xfId="0" applyNumberFormat="1" applyFont="1" applyFill="1" applyAlignment="1">
      <alignment vertical="center"/>
    </xf>
    <xf numFmtId="49" fontId="10" fillId="0" borderId="0" xfId="0" applyNumberFormat="1" applyFont="1" applyFill="1" applyAlignment="1">
      <alignment vertical="center"/>
    </xf>
    <xf numFmtId="49" fontId="6" fillId="0" borderId="0" xfId="0" applyNumberFormat="1" applyFont="1" applyFill="1" applyAlignment="1">
      <alignment horizontal="right" vertical="center"/>
    </xf>
    <xf numFmtId="49" fontId="0" fillId="0" borderId="0" xfId="0" applyNumberFormat="1" applyFill="1">
      <alignment vertical="center"/>
    </xf>
    <xf numFmtId="49" fontId="1" fillId="0" borderId="0" xfId="0" applyNumberFormat="1" applyFont="1" applyFill="1" applyAlignment="1">
      <alignment vertical="center"/>
    </xf>
    <xf numFmtId="49" fontId="1" fillId="0" borderId="0" xfId="0" applyNumberFormat="1" applyFont="1" applyFill="1" applyAlignment="1">
      <alignment horizontal="center" vertical="center"/>
    </xf>
    <xf numFmtId="49" fontId="1" fillId="0" borderId="2" xfId="0" applyNumberFormat="1" applyFont="1" applyFill="1" applyBorder="1" applyAlignment="1">
      <alignment vertical="center"/>
    </xf>
    <xf numFmtId="49" fontId="1" fillId="0" borderId="32" xfId="0" applyNumberFormat="1" applyFont="1" applyFill="1" applyBorder="1" applyAlignment="1">
      <alignment vertical="center"/>
    </xf>
    <xf numFmtId="49" fontId="1" fillId="0" borderId="73" xfId="0" quotePrefix="1" applyNumberFormat="1" applyFont="1" applyFill="1" applyBorder="1" applyAlignment="1">
      <alignment horizontal="center" vertical="center"/>
    </xf>
    <xf numFmtId="49" fontId="1" fillId="0" borderId="21" xfId="0" applyNumberFormat="1" applyFont="1" applyFill="1" applyBorder="1" applyAlignment="1">
      <alignment vertical="center"/>
    </xf>
    <xf numFmtId="49" fontId="0" fillId="0" borderId="8" xfId="0" quotePrefix="1" applyNumberFormat="1" applyFill="1" applyBorder="1" applyAlignment="1">
      <alignment horizontal="center" vertical="center"/>
    </xf>
    <xf numFmtId="49" fontId="1" fillId="0" borderId="72" xfId="0" applyNumberFormat="1" applyFont="1" applyFill="1" applyBorder="1" applyAlignment="1">
      <alignment vertical="center"/>
    </xf>
    <xf numFmtId="49" fontId="0" fillId="0" borderId="10" xfId="0" quotePrefix="1" applyNumberFormat="1" applyFill="1" applyBorder="1" applyAlignment="1">
      <alignment horizontal="center" vertical="center"/>
    </xf>
    <xf numFmtId="49" fontId="1" fillId="0" borderId="78" xfId="0" applyNumberFormat="1" applyFont="1" applyFill="1" applyBorder="1" applyAlignment="1">
      <alignment vertical="center"/>
    </xf>
    <xf numFmtId="49" fontId="0" fillId="0" borderId="57" xfId="0" quotePrefix="1" applyNumberFormat="1" applyFill="1" applyBorder="1" applyAlignment="1">
      <alignment horizontal="center" vertical="center"/>
    </xf>
    <xf numFmtId="49" fontId="1" fillId="0" borderId="19" xfId="0" applyNumberFormat="1" applyFont="1" applyFill="1" applyBorder="1" applyAlignment="1">
      <alignment vertical="center"/>
    </xf>
    <xf numFmtId="49" fontId="0" fillId="0" borderId="70" xfId="0" quotePrefix="1" applyNumberFormat="1" applyFill="1" applyBorder="1" applyAlignment="1">
      <alignment horizontal="center" vertical="center"/>
    </xf>
    <xf numFmtId="49" fontId="1" fillId="0" borderId="0" xfId="0" applyNumberFormat="1" applyFont="1" applyFill="1" applyBorder="1" applyAlignment="1">
      <alignment horizontal="center" vertical="center"/>
    </xf>
    <xf numFmtId="49" fontId="1" fillId="0" borderId="33" xfId="0" applyNumberFormat="1" applyFont="1" applyFill="1" applyBorder="1" applyAlignment="1">
      <alignment horizontal="center" vertical="center"/>
    </xf>
    <xf numFmtId="49" fontId="1" fillId="0" borderId="7" xfId="0" applyNumberFormat="1" applyFont="1" applyFill="1" applyBorder="1" applyAlignment="1">
      <alignment vertical="center"/>
    </xf>
    <xf numFmtId="49" fontId="1" fillId="0" borderId="74" xfId="0" applyNumberFormat="1" applyFont="1" applyFill="1" applyBorder="1" applyAlignment="1">
      <alignment vertical="center"/>
    </xf>
    <xf numFmtId="49" fontId="1" fillId="0" borderId="1" xfId="0" applyNumberFormat="1" applyFont="1" applyFill="1" applyBorder="1" applyAlignment="1">
      <alignment vertical="center"/>
    </xf>
    <xf numFmtId="49" fontId="2" fillId="0" borderId="85" xfId="0" applyNumberFormat="1" applyFont="1" applyFill="1" applyBorder="1" applyAlignment="1" applyProtection="1">
      <alignment horizontal="right" vertical="top"/>
      <protection hidden="1"/>
    </xf>
    <xf numFmtId="49" fontId="2" fillId="0" borderId="86" xfId="0" applyNumberFormat="1" applyFont="1" applyFill="1" applyBorder="1" applyAlignment="1" applyProtection="1">
      <alignment horizontal="right" vertical="justify" wrapText="1"/>
      <protection hidden="1"/>
    </xf>
    <xf numFmtId="49" fontId="1" fillId="0" borderId="31" xfId="0" applyNumberFormat="1" applyFont="1" applyFill="1" applyBorder="1" applyAlignment="1">
      <alignment vertical="center"/>
    </xf>
    <xf numFmtId="49" fontId="1" fillId="0" borderId="32" xfId="0" applyNumberFormat="1" applyFont="1" applyFill="1" applyBorder="1" applyAlignment="1">
      <alignment horizontal="center" vertical="center"/>
    </xf>
    <xf numFmtId="49" fontId="2" fillId="0" borderId="30" xfId="0" applyNumberFormat="1" applyFont="1" applyFill="1" applyBorder="1" applyAlignment="1" applyProtection="1">
      <alignment horizontal="right" vertical="justify" wrapText="1"/>
      <protection hidden="1"/>
    </xf>
    <xf numFmtId="49" fontId="1" fillId="0" borderId="22" xfId="0" applyNumberFormat="1" applyFont="1" applyFill="1" applyBorder="1" applyAlignment="1">
      <alignment vertical="center"/>
    </xf>
    <xf numFmtId="49" fontId="0" fillId="0" borderId="9" xfId="0" quotePrefix="1" applyNumberFormat="1" applyFill="1" applyBorder="1" applyAlignment="1">
      <alignment horizontal="center" vertical="center"/>
    </xf>
    <xf numFmtId="49" fontId="1" fillId="0" borderId="87" xfId="0" applyNumberFormat="1" applyFont="1" applyFill="1" applyBorder="1" applyAlignment="1">
      <alignment vertical="center"/>
    </xf>
    <xf numFmtId="49" fontId="1" fillId="0" borderId="88" xfId="0" applyNumberFormat="1" applyFont="1" applyFill="1" applyBorder="1" applyAlignment="1">
      <alignment vertical="center"/>
    </xf>
    <xf numFmtId="49" fontId="0" fillId="0" borderId="89" xfId="0" quotePrefix="1" applyNumberFormat="1" applyFill="1" applyBorder="1" applyAlignment="1">
      <alignment horizontal="center" vertical="center"/>
    </xf>
    <xf numFmtId="49" fontId="3" fillId="0" borderId="74" xfId="0" applyNumberFormat="1" applyFont="1" applyFill="1" applyBorder="1" applyAlignment="1">
      <alignment vertical="center"/>
    </xf>
    <xf numFmtId="49" fontId="1" fillId="0" borderId="1" xfId="0" applyNumberFormat="1" applyFont="1" applyFill="1" applyBorder="1" applyAlignment="1">
      <alignment horizontal="left" vertical="center"/>
    </xf>
    <xf numFmtId="49" fontId="0" fillId="0" borderId="12" xfId="0" quotePrefix="1" applyNumberFormat="1" applyFill="1" applyBorder="1" applyAlignment="1">
      <alignment horizontal="center" vertical="center"/>
    </xf>
    <xf numFmtId="49" fontId="3" fillId="0" borderId="3" xfId="0" applyNumberFormat="1" applyFont="1" applyFill="1" applyBorder="1" applyAlignment="1">
      <alignment vertical="center"/>
    </xf>
    <xf numFmtId="49" fontId="0" fillId="0" borderId="82" xfId="0" quotePrefix="1" applyNumberFormat="1" applyFill="1" applyBorder="1" applyAlignment="1">
      <alignment horizontal="center" vertical="center"/>
    </xf>
    <xf numFmtId="49" fontId="1" fillId="0" borderId="57" xfId="0" quotePrefix="1" applyNumberFormat="1" applyFont="1" applyFill="1" applyBorder="1" applyAlignment="1">
      <alignment horizontal="center" vertical="center"/>
    </xf>
    <xf numFmtId="49" fontId="0" fillId="0" borderId="0" xfId="0" applyNumberFormat="1" applyFill="1" applyAlignment="1">
      <alignment horizontal="center" vertical="center"/>
    </xf>
    <xf numFmtId="49" fontId="29" fillId="0" borderId="0" xfId="0" applyNumberFormat="1" applyFont="1" applyFill="1">
      <alignment vertical="center"/>
    </xf>
    <xf numFmtId="49" fontId="0" fillId="0" borderId="0" xfId="0" applyNumberFormat="1">
      <alignment vertical="center"/>
    </xf>
    <xf numFmtId="49" fontId="9" fillId="0" borderId="0" xfId="0" applyNumberFormat="1" applyFont="1" applyAlignment="1">
      <alignment vertical="center"/>
    </xf>
    <xf numFmtId="49" fontId="9" fillId="0" borderId="0" xfId="0" applyNumberFormat="1" applyFont="1" applyBorder="1" applyAlignment="1">
      <alignment vertical="center"/>
    </xf>
    <xf numFmtId="49" fontId="3" fillId="0" borderId="0" xfId="0" applyNumberFormat="1" applyFont="1" applyFill="1" applyBorder="1" applyAlignment="1">
      <alignment vertical="center"/>
    </xf>
    <xf numFmtId="49" fontId="0" fillId="0" borderId="0" xfId="0" applyNumberFormat="1" applyBorder="1">
      <alignment vertical="center"/>
    </xf>
    <xf numFmtId="49" fontId="0" fillId="0" borderId="0" xfId="0" applyNumberFormat="1" applyBorder="1" applyAlignment="1">
      <alignment vertical="center"/>
    </xf>
    <xf numFmtId="49" fontId="1" fillId="0" borderId="0" xfId="0" applyNumberFormat="1" applyFont="1" applyBorder="1" applyAlignment="1">
      <alignment vertical="center"/>
    </xf>
    <xf numFmtId="49" fontId="1" fillId="0" borderId="2" xfId="0" applyNumberFormat="1" applyFont="1" applyBorder="1" applyAlignment="1">
      <alignment vertical="center"/>
    </xf>
    <xf numFmtId="49" fontId="1" fillId="0" borderId="33" xfId="0" applyNumberFormat="1" applyFont="1" applyBorder="1">
      <alignment vertical="center"/>
    </xf>
    <xf numFmtId="49" fontId="1" fillId="0" borderId="7" xfId="0" applyNumberFormat="1" applyFont="1" applyBorder="1">
      <alignment vertical="center"/>
    </xf>
    <xf numFmtId="49" fontId="1" fillId="0" borderId="90" xfId="0" applyNumberFormat="1" applyFont="1" applyBorder="1" applyAlignment="1">
      <alignment horizontal="distributed" vertical="center" justifyLastLine="1"/>
    </xf>
    <xf numFmtId="49" fontId="14" fillId="0" borderId="32" xfId="0" applyNumberFormat="1" applyFont="1" applyBorder="1" applyAlignment="1">
      <alignment vertical="center" justifyLastLine="1"/>
    </xf>
    <xf numFmtId="49" fontId="1" fillId="0" borderId="32" xfId="0" applyNumberFormat="1" applyFont="1" applyBorder="1" applyAlignment="1">
      <alignment vertical="center" justifyLastLine="1"/>
    </xf>
    <xf numFmtId="49" fontId="1" fillId="0" borderId="69" xfId="0" applyNumberFormat="1" applyFont="1" applyBorder="1" applyAlignment="1">
      <alignment horizontal="right" vertical="center"/>
    </xf>
    <xf numFmtId="49" fontId="1" fillId="0" borderId="0" xfId="0" applyNumberFormat="1" applyFont="1">
      <alignment vertical="center"/>
    </xf>
    <xf numFmtId="49" fontId="6" fillId="0" borderId="0" xfId="0" applyNumberFormat="1" applyFont="1">
      <alignment vertical="center"/>
    </xf>
    <xf numFmtId="49" fontId="6" fillId="0" borderId="3" xfId="0" applyNumberFormat="1" applyFont="1" applyFill="1" applyBorder="1" applyAlignment="1">
      <alignment horizontal="center" vertical="center"/>
    </xf>
    <xf numFmtId="49" fontId="8" fillId="0" borderId="70" xfId="0" applyNumberFormat="1" applyFont="1" applyBorder="1" applyAlignment="1">
      <alignment horizontal="left" vertical="center" wrapText="1" indent="1"/>
    </xf>
    <xf numFmtId="49" fontId="8" fillId="0" borderId="70" xfId="0" applyNumberFormat="1" applyFont="1" applyBorder="1" applyAlignment="1">
      <alignment horizontal="distributed" vertical="center" wrapText="1" justifyLastLine="1"/>
    </xf>
    <xf numFmtId="49" fontId="8" fillId="0" borderId="70" xfId="0" applyNumberFormat="1" applyFont="1" applyBorder="1" applyAlignment="1">
      <alignment horizontal="center" vertical="center" wrapText="1" justifyLastLine="1"/>
    </xf>
    <xf numFmtId="49" fontId="8" fillId="0" borderId="70" xfId="0" applyNumberFormat="1" applyFont="1" applyBorder="1" applyAlignment="1">
      <alignment horizontal="left" vertical="center" wrapText="1"/>
    </xf>
    <xf numFmtId="49" fontId="1" fillId="0" borderId="93" xfId="0" quotePrefix="1" applyNumberFormat="1" applyFont="1" applyFill="1" applyBorder="1" applyAlignment="1">
      <alignment horizontal="center" vertical="center"/>
    </xf>
    <xf numFmtId="49" fontId="3" fillId="0" borderId="0" xfId="0" applyNumberFormat="1" applyFont="1" applyAlignment="1">
      <alignment vertical="center"/>
    </xf>
    <xf numFmtId="49" fontId="6" fillId="0" borderId="0" xfId="0" applyNumberFormat="1" applyFont="1" applyBorder="1" applyAlignment="1">
      <alignment vertical="top" wrapText="1"/>
    </xf>
    <xf numFmtId="49" fontId="8" fillId="0" borderId="0" xfId="0" applyNumberFormat="1" applyFont="1" applyBorder="1" applyAlignment="1">
      <alignment vertical="center"/>
    </xf>
    <xf numFmtId="49" fontId="3" fillId="0" borderId="0" xfId="0" applyNumberFormat="1" applyFont="1" applyBorder="1" applyAlignment="1">
      <alignment vertical="center"/>
    </xf>
    <xf numFmtId="49" fontId="6" fillId="0" borderId="0" xfId="0" applyNumberFormat="1" applyFont="1" applyAlignment="1">
      <alignment horizontal="right" vertical="center"/>
    </xf>
    <xf numFmtId="49" fontId="1" fillId="0" borderId="0" xfId="0" applyNumberFormat="1" applyFont="1" applyAlignment="1">
      <alignment vertical="center"/>
    </xf>
    <xf numFmtId="49" fontId="0" fillId="0" borderId="19" xfId="0" applyNumberFormat="1" applyFill="1" applyBorder="1">
      <alignment vertical="center"/>
    </xf>
    <xf numFmtId="49" fontId="1" fillId="0" borderId="78" xfId="0" applyNumberFormat="1" applyFont="1" applyBorder="1" applyAlignment="1">
      <alignment vertical="center"/>
    </xf>
    <xf numFmtId="49" fontId="0" fillId="0" borderId="33" xfId="0" applyNumberFormat="1" applyBorder="1">
      <alignment vertical="center"/>
    </xf>
    <xf numFmtId="49" fontId="0" fillId="0" borderId="32" xfId="0" applyNumberFormat="1" applyFill="1" applyBorder="1">
      <alignment vertical="center"/>
    </xf>
    <xf numFmtId="49" fontId="1" fillId="0" borderId="33" xfId="0" applyNumberFormat="1" applyFont="1" applyBorder="1" applyAlignment="1">
      <alignment vertical="center" justifyLastLine="1"/>
    </xf>
    <xf numFmtId="49" fontId="1" fillId="0" borderId="96" xfId="0" applyNumberFormat="1" applyFont="1" applyBorder="1" applyAlignment="1">
      <alignment vertical="center" justifyLastLine="1"/>
    </xf>
    <xf numFmtId="49" fontId="1" fillId="0" borderId="7" xfId="0" applyNumberFormat="1" applyFont="1" applyBorder="1" applyAlignment="1">
      <alignment horizontal="right" vertical="center"/>
    </xf>
    <xf numFmtId="49" fontId="1" fillId="0" borderId="57" xfId="0" applyNumberFormat="1" applyFont="1" applyBorder="1" applyAlignment="1">
      <alignment horizontal="center" vertical="center"/>
    </xf>
    <xf numFmtId="49" fontId="2" fillId="0" borderId="93" xfId="0" applyNumberFormat="1" applyFont="1" applyFill="1" applyBorder="1" applyAlignment="1" applyProtection="1">
      <alignment horizontal="right" vertical="top" shrinkToFit="1"/>
      <protection hidden="1"/>
    </xf>
    <xf numFmtId="49" fontId="5" fillId="0" borderId="54" xfId="0" applyNumberFormat="1" applyFont="1" applyFill="1" applyBorder="1" applyAlignment="1" applyProtection="1">
      <alignment horizontal="right" vertical="top" shrinkToFit="1"/>
      <protection hidden="1"/>
    </xf>
    <xf numFmtId="49" fontId="5" fillId="0" borderId="55" xfId="0" applyNumberFormat="1" applyFont="1" applyFill="1" applyBorder="1" applyAlignment="1" applyProtection="1">
      <alignment horizontal="right" vertical="top" shrinkToFit="1"/>
      <protection hidden="1"/>
    </xf>
    <xf numFmtId="49" fontId="1" fillId="0" borderId="97" xfId="0" quotePrefix="1" applyNumberFormat="1" applyFont="1" applyFill="1" applyBorder="1" applyAlignment="1">
      <alignment horizontal="center" vertical="center"/>
    </xf>
    <xf numFmtId="49" fontId="5" fillId="0" borderId="94" xfId="0" applyNumberFormat="1" applyFont="1" applyFill="1" applyBorder="1" applyAlignment="1" applyProtection="1">
      <alignment vertical="center"/>
      <protection hidden="1"/>
    </xf>
    <xf numFmtId="49" fontId="5" fillId="0" borderId="36" xfId="0" applyNumberFormat="1" applyFont="1" applyFill="1" applyBorder="1" applyAlignment="1" applyProtection="1">
      <alignment vertical="center"/>
      <protection hidden="1"/>
    </xf>
    <xf numFmtId="49" fontId="5" fillId="0" borderId="29" xfId="0" applyNumberFormat="1" applyFont="1" applyFill="1" applyBorder="1" applyAlignment="1" applyProtection="1">
      <alignment vertical="center"/>
      <protection hidden="1"/>
    </xf>
    <xf numFmtId="49" fontId="5" fillId="0" borderId="37" xfId="0" applyNumberFormat="1" applyFont="1" applyFill="1" applyBorder="1" applyAlignment="1" applyProtection="1">
      <alignment vertical="center"/>
      <protection hidden="1"/>
    </xf>
    <xf numFmtId="49" fontId="5" fillId="0" borderId="6" xfId="0" applyNumberFormat="1" applyFont="1" applyFill="1" applyBorder="1" applyAlignment="1" applyProtection="1">
      <alignment vertical="center"/>
      <protection hidden="1"/>
    </xf>
    <xf numFmtId="49" fontId="1" fillId="0" borderId="98" xfId="0" quotePrefix="1" applyNumberFormat="1" applyFont="1" applyFill="1" applyBorder="1" applyAlignment="1">
      <alignment horizontal="center" vertical="center"/>
    </xf>
    <xf numFmtId="49" fontId="0" fillId="0" borderId="0" xfId="0" applyNumberFormat="1" applyFill="1" applyBorder="1">
      <alignment vertical="center"/>
    </xf>
    <xf numFmtId="49" fontId="0" fillId="0" borderId="32" xfId="0" applyNumberFormat="1" applyFill="1" applyBorder="1" applyAlignment="1">
      <alignment vertical="center"/>
    </xf>
    <xf numFmtId="49" fontId="0" fillId="0" borderId="0" xfId="0" applyNumberFormat="1" applyAlignment="1">
      <alignment vertical="center" wrapText="1"/>
    </xf>
    <xf numFmtId="49" fontId="2" fillId="0" borderId="56" xfId="0" applyNumberFormat="1" applyFont="1" applyFill="1" applyBorder="1" applyAlignment="1" applyProtection="1">
      <alignment horizontal="right" vertical="top" shrinkToFit="1"/>
      <protection hidden="1"/>
    </xf>
    <xf numFmtId="49" fontId="0" fillId="0" borderId="0" xfId="0" applyNumberFormat="1" applyFont="1" applyBorder="1" applyAlignment="1">
      <alignment vertical="center"/>
    </xf>
    <xf numFmtId="49" fontId="8" fillId="0" borderId="32" xfId="0" applyNumberFormat="1" applyFont="1" applyBorder="1" applyAlignment="1">
      <alignment vertical="center" wrapText="1"/>
    </xf>
    <xf numFmtId="49" fontId="8" fillId="0" borderId="0" xfId="0" applyNumberFormat="1" applyFont="1" applyBorder="1" applyAlignment="1">
      <alignment vertical="center" wrapText="1"/>
    </xf>
    <xf numFmtId="49" fontId="8" fillId="0" borderId="0" xfId="0" applyNumberFormat="1" applyFont="1" applyAlignment="1">
      <alignment vertical="center"/>
    </xf>
    <xf numFmtId="49" fontId="6" fillId="0" borderId="0" xfId="0" applyNumberFormat="1" applyFont="1" applyBorder="1" applyAlignment="1">
      <alignment horizontal="right" vertical="center"/>
    </xf>
    <xf numFmtId="49" fontId="1" fillId="0" borderId="33" xfId="0" applyNumberFormat="1" applyFont="1" applyBorder="1" applyAlignment="1">
      <alignment vertical="center"/>
    </xf>
    <xf numFmtId="49" fontId="1" fillId="0" borderId="7" xfId="0" applyNumberFormat="1" applyFont="1" applyBorder="1" applyAlignment="1">
      <alignment vertical="center"/>
    </xf>
    <xf numFmtId="49" fontId="1" fillId="0" borderId="78" xfId="0" applyNumberFormat="1" applyFont="1" applyBorder="1" applyAlignment="1">
      <alignment horizontal="center" vertical="center"/>
    </xf>
    <xf numFmtId="49" fontId="1" fillId="0" borderId="70" xfId="0" applyNumberFormat="1" applyFont="1" applyBorder="1" applyAlignment="1">
      <alignment horizontal="center" vertical="center"/>
    </xf>
    <xf numFmtId="49" fontId="1" fillId="0" borderId="85" xfId="0" quotePrefix="1" applyNumberFormat="1" applyFont="1" applyFill="1" applyBorder="1" applyAlignment="1">
      <alignment horizontal="center" vertical="center"/>
    </xf>
    <xf numFmtId="49" fontId="1" fillId="0" borderId="24" xfId="0" applyNumberFormat="1" applyFont="1" applyBorder="1" applyAlignment="1">
      <alignment vertical="center"/>
    </xf>
    <xf numFmtId="49" fontId="1" fillId="0" borderId="8" xfId="0" applyNumberFormat="1" applyFont="1" applyFill="1" applyBorder="1" applyAlignment="1" applyProtection="1">
      <alignment horizontal="center" vertical="center"/>
      <protection locked="0"/>
    </xf>
    <xf numFmtId="49" fontId="0" fillId="0" borderId="25" xfId="0" applyNumberFormat="1" applyBorder="1">
      <alignment vertical="center"/>
    </xf>
    <xf numFmtId="49" fontId="1" fillId="0" borderId="9" xfId="0" applyNumberFormat="1" applyFont="1" applyFill="1" applyBorder="1" applyAlignment="1" applyProtection="1">
      <alignment horizontal="center" vertical="center"/>
      <protection locked="0"/>
    </xf>
    <xf numFmtId="49" fontId="0" fillId="0" borderId="25" xfId="0" applyNumberFormat="1" applyBorder="1" applyAlignment="1">
      <alignment horizontal="distributed" vertical="center"/>
    </xf>
    <xf numFmtId="49" fontId="0" fillId="0" borderId="25" xfId="0" applyNumberFormat="1" applyBorder="1" applyAlignment="1">
      <alignment vertical="center" wrapText="1"/>
    </xf>
    <xf numFmtId="49" fontId="1" fillId="0" borderId="25" xfId="0" applyNumberFormat="1" applyFont="1" applyBorder="1" applyAlignment="1">
      <alignment vertical="center" wrapText="1"/>
    </xf>
    <xf numFmtId="49" fontId="1" fillId="0" borderId="97" xfId="0" applyNumberFormat="1" applyFont="1" applyFill="1" applyBorder="1" applyAlignment="1">
      <alignment horizontal="center" vertical="center"/>
    </xf>
    <xf numFmtId="49" fontId="1" fillId="0" borderId="98" xfId="0" applyNumberFormat="1" applyFont="1" applyFill="1" applyBorder="1" applyAlignment="1">
      <alignment horizontal="center" vertical="center"/>
    </xf>
    <xf numFmtId="49" fontId="0" fillId="0" borderId="31" xfId="0" applyNumberFormat="1" applyBorder="1" applyAlignment="1">
      <alignment horizontal="distributed" vertical="center"/>
    </xf>
    <xf numFmtId="49" fontId="1" fillId="0" borderId="10" xfId="0" applyNumberFormat="1" applyFont="1" applyFill="1" applyBorder="1" applyAlignment="1" applyProtection="1">
      <alignment horizontal="center" vertical="center"/>
      <protection locked="0"/>
    </xf>
    <xf numFmtId="49" fontId="0" fillId="0" borderId="33" xfId="0" applyNumberFormat="1" applyFill="1" applyBorder="1">
      <alignment vertical="center"/>
    </xf>
    <xf numFmtId="49" fontId="6" fillId="0" borderId="78" xfId="0" applyNumberFormat="1" applyFont="1" applyFill="1" applyBorder="1" applyAlignment="1">
      <alignment horizontal="center" vertical="center"/>
    </xf>
    <xf numFmtId="49" fontId="6" fillId="0" borderId="78" xfId="0" applyNumberFormat="1" applyFont="1" applyBorder="1" applyAlignment="1">
      <alignment horizontal="left" vertical="center" wrapText="1"/>
    </xf>
    <xf numFmtId="49" fontId="6" fillId="0" borderId="57" xfId="0" applyNumberFormat="1" applyFont="1" applyFill="1" applyBorder="1" applyAlignment="1">
      <alignment horizontal="center" vertical="center"/>
    </xf>
    <xf numFmtId="49" fontId="2" fillId="0" borderId="85" xfId="0" applyNumberFormat="1" applyFont="1" applyFill="1" applyBorder="1" applyAlignment="1" applyProtection="1">
      <alignment horizontal="right" vertical="top" shrinkToFit="1"/>
      <protection hidden="1"/>
    </xf>
    <xf numFmtId="49" fontId="5" fillId="0" borderId="34" xfId="0" applyNumberFormat="1" applyFont="1" applyFill="1" applyBorder="1" applyAlignment="1" applyProtection="1">
      <alignment horizontal="right" vertical="top" shrinkToFit="1"/>
      <protection hidden="1"/>
    </xf>
    <xf numFmtId="49" fontId="5" fillId="0" borderId="27" xfId="0" applyNumberFormat="1" applyFont="1" applyFill="1" applyBorder="1" applyAlignment="1" applyProtection="1">
      <alignment horizontal="right" vertical="top" shrinkToFit="1"/>
      <protection hidden="1"/>
    </xf>
    <xf numFmtId="49" fontId="2" fillId="0" borderId="86" xfId="0" applyNumberFormat="1" applyFont="1" applyFill="1" applyBorder="1" applyAlignment="1" applyProtection="1">
      <alignment horizontal="right" vertical="top" shrinkToFit="1"/>
      <protection hidden="1"/>
    </xf>
    <xf numFmtId="49" fontId="2" fillId="0" borderId="86" xfId="0" applyNumberFormat="1" applyFont="1" applyFill="1" applyBorder="1" applyAlignment="1" applyProtection="1">
      <alignment horizontal="right" vertical="justify" wrapText="1" shrinkToFit="1"/>
      <protection hidden="1"/>
    </xf>
    <xf numFmtId="49" fontId="2" fillId="0" borderId="30" xfId="0" applyNumberFormat="1" applyFont="1" applyFill="1" applyBorder="1" applyAlignment="1" applyProtection="1">
      <alignment horizontal="right" vertical="justify" wrapText="1" shrinkToFit="1"/>
      <protection hidden="1"/>
    </xf>
    <xf numFmtId="49" fontId="16" fillId="0" borderId="69" xfId="0" applyNumberFormat="1" applyFont="1" applyFill="1" applyBorder="1" applyAlignment="1" applyProtection="1">
      <alignment vertical="center"/>
      <protection hidden="1"/>
    </xf>
    <xf numFmtId="49" fontId="5" fillId="0" borderId="97" xfId="0" applyNumberFormat="1" applyFont="1" applyFill="1" applyBorder="1" applyAlignment="1" applyProtection="1">
      <alignment vertical="center"/>
      <protection locked="0"/>
    </xf>
    <xf numFmtId="49" fontId="5" fillId="0" borderId="28" xfId="0" applyNumberFormat="1" applyFont="1" applyFill="1" applyBorder="1" applyAlignment="1" applyProtection="1">
      <alignment vertical="center"/>
      <protection locked="0"/>
    </xf>
    <xf numFmtId="49" fontId="5" fillId="0" borderId="35" xfId="0" applyNumberFormat="1" applyFont="1" applyFill="1" applyBorder="1" applyAlignment="1" applyProtection="1">
      <alignment vertical="center"/>
      <protection locked="0"/>
    </xf>
    <xf numFmtId="49" fontId="16" fillId="0" borderId="9" xfId="0" applyNumberFormat="1" applyFont="1" applyFill="1" applyBorder="1" applyAlignment="1" applyProtection="1">
      <alignment vertical="center"/>
      <protection hidden="1"/>
    </xf>
    <xf numFmtId="49" fontId="3" fillId="0" borderId="6" xfId="0" applyNumberFormat="1" applyFont="1" applyFill="1" applyBorder="1" applyAlignment="1" applyProtection="1">
      <alignment vertical="center"/>
      <protection hidden="1"/>
    </xf>
    <xf numFmtId="49" fontId="5" fillId="0" borderId="90" xfId="0" applyNumberFormat="1" applyFont="1" applyFill="1" applyBorder="1" applyAlignment="1" applyProtection="1">
      <alignment vertical="center"/>
      <protection hidden="1"/>
    </xf>
    <xf numFmtId="49" fontId="5" fillId="0" borderId="38" xfId="0" applyNumberFormat="1" applyFont="1" applyFill="1" applyBorder="1" applyAlignment="1" applyProtection="1">
      <alignment vertical="center"/>
      <protection hidden="1"/>
    </xf>
    <xf numFmtId="49" fontId="5" fillId="0" borderId="39" xfId="0" applyNumberFormat="1" applyFont="1" applyFill="1" applyBorder="1" applyAlignment="1" applyProtection="1">
      <alignment vertical="center"/>
      <protection hidden="1"/>
    </xf>
    <xf numFmtId="49" fontId="5" fillId="0" borderId="40" xfId="0" applyNumberFormat="1" applyFont="1" applyFill="1" applyBorder="1" applyAlignment="1" applyProtection="1">
      <alignment vertical="center"/>
      <protection hidden="1"/>
    </xf>
    <xf numFmtId="49" fontId="8" fillId="0" borderId="0" xfId="0" applyNumberFormat="1" applyFont="1" applyFill="1" applyBorder="1" applyAlignment="1">
      <alignment horizontal="left" vertical="center" wrapText="1"/>
    </xf>
    <xf numFmtId="49" fontId="9" fillId="0" borderId="19" xfId="0" applyNumberFormat="1" applyFont="1" applyBorder="1" applyAlignment="1">
      <alignment vertical="center"/>
    </xf>
    <xf numFmtId="49" fontId="3" fillId="0" borderId="19" xfId="0" applyNumberFormat="1" applyFont="1" applyFill="1" applyBorder="1" applyAlignment="1">
      <alignment vertical="center"/>
    </xf>
    <xf numFmtId="49" fontId="0" fillId="0" borderId="0" xfId="0" applyNumberFormat="1" applyAlignment="1">
      <alignment vertical="center"/>
    </xf>
    <xf numFmtId="49" fontId="6" fillId="0" borderId="19" xfId="0" applyNumberFormat="1" applyFont="1" applyFill="1" applyBorder="1" applyAlignment="1">
      <alignment horizontal="center" vertical="center"/>
    </xf>
    <xf numFmtId="49" fontId="7" fillId="0" borderId="3" xfId="0" applyNumberFormat="1" applyFont="1" applyFill="1" applyBorder="1" applyAlignment="1">
      <alignment horizontal="center" vertical="center" wrapText="1"/>
    </xf>
    <xf numFmtId="49" fontId="5" fillId="0" borderId="5" xfId="0" applyNumberFormat="1" applyFont="1" applyFill="1" applyBorder="1" applyAlignment="1" applyProtection="1">
      <alignment vertical="center"/>
      <protection locked="0"/>
    </xf>
    <xf numFmtId="49" fontId="1" fillId="0" borderId="38" xfId="0" applyNumberFormat="1" applyFont="1" applyFill="1" applyBorder="1" applyAlignment="1" applyProtection="1">
      <alignment vertical="center"/>
      <protection hidden="1"/>
    </xf>
    <xf numFmtId="49" fontId="8" fillId="0" borderId="0" xfId="0" applyNumberFormat="1" applyFont="1" applyFill="1" applyBorder="1" applyAlignment="1">
      <alignment vertical="center"/>
    </xf>
    <xf numFmtId="49" fontId="7" fillId="0" borderId="78" xfId="0" applyNumberFormat="1" applyFont="1" applyFill="1" applyBorder="1" applyAlignment="1">
      <alignment horizontal="left" vertical="center" wrapText="1"/>
    </xf>
    <xf numFmtId="49" fontId="6" fillId="0" borderId="78" xfId="0" applyNumberFormat="1" applyFont="1" applyFill="1" applyBorder="1" applyAlignment="1">
      <alignment horizontal="center" vertical="center" wrapText="1"/>
    </xf>
    <xf numFmtId="49" fontId="3" fillId="0" borderId="0" xfId="0" applyNumberFormat="1" applyFont="1" applyFill="1" applyAlignment="1">
      <alignment horizontal="center" vertical="center"/>
    </xf>
    <xf numFmtId="49" fontId="8" fillId="0" borderId="0" xfId="0" applyNumberFormat="1" applyFont="1" applyFill="1" applyAlignment="1">
      <alignment vertical="center"/>
    </xf>
    <xf numFmtId="49" fontId="1" fillId="0" borderId="19" xfId="0" applyNumberFormat="1" applyFont="1" applyFill="1" applyBorder="1" applyAlignment="1">
      <alignment horizontal="center" vertical="center"/>
    </xf>
    <xf numFmtId="49" fontId="1" fillId="0" borderId="70" xfId="0" applyNumberFormat="1" applyFont="1" applyFill="1" applyBorder="1" applyAlignment="1">
      <alignment horizontal="center" vertical="center"/>
    </xf>
    <xf numFmtId="49" fontId="1" fillId="0" borderId="106" xfId="0" quotePrefix="1" applyNumberFormat="1" applyFont="1" applyFill="1" applyBorder="1" applyAlignment="1">
      <alignment horizontal="center" vertical="center"/>
    </xf>
    <xf numFmtId="49" fontId="2" fillId="0" borderId="107" xfId="0" applyNumberFormat="1" applyFont="1" applyFill="1" applyBorder="1" applyAlignment="1" applyProtection="1">
      <alignment horizontal="right" vertical="top" shrinkToFit="1"/>
      <protection hidden="1"/>
    </xf>
    <xf numFmtId="49" fontId="2" fillId="0" borderId="30" xfId="0" applyNumberFormat="1" applyFont="1" applyFill="1" applyBorder="1" applyAlignment="1" applyProtection="1">
      <alignment horizontal="right" vertical="top" shrinkToFit="1"/>
      <protection hidden="1"/>
    </xf>
    <xf numFmtId="49" fontId="1" fillId="0" borderId="108" xfId="0" quotePrefix="1" applyNumberFormat="1" applyFont="1" applyFill="1" applyBorder="1" applyAlignment="1">
      <alignment horizontal="center" vertical="center"/>
    </xf>
    <xf numFmtId="49" fontId="5" fillId="0" borderId="16" xfId="0" applyNumberFormat="1" applyFont="1" applyFill="1" applyBorder="1" applyAlignment="1" applyProtection="1">
      <alignment vertical="center"/>
      <protection hidden="1"/>
    </xf>
    <xf numFmtId="49" fontId="6" fillId="0" borderId="31" xfId="0" applyNumberFormat="1" applyFont="1" applyFill="1" applyBorder="1" applyAlignment="1">
      <alignment vertical="center"/>
    </xf>
    <xf numFmtId="49" fontId="1" fillId="0" borderId="109" xfId="0" quotePrefix="1" applyNumberFormat="1" applyFont="1" applyFill="1" applyBorder="1" applyAlignment="1">
      <alignment horizontal="center" vertical="center"/>
    </xf>
    <xf numFmtId="49" fontId="5" fillId="0" borderId="110" xfId="0" applyNumberFormat="1" applyFont="1" applyFill="1" applyBorder="1" applyAlignment="1" applyProtection="1">
      <alignment vertical="center"/>
      <protection hidden="1"/>
    </xf>
    <xf numFmtId="49" fontId="5" fillId="0" borderId="52" xfId="0" applyNumberFormat="1" applyFont="1" applyFill="1" applyBorder="1" applyAlignment="1" applyProtection="1">
      <alignment vertical="center"/>
      <protection hidden="1"/>
    </xf>
    <xf numFmtId="49" fontId="5" fillId="0" borderId="45" xfId="0" applyNumberFormat="1" applyFont="1" applyFill="1" applyBorder="1" applyAlignment="1" applyProtection="1">
      <alignment vertical="center"/>
      <protection hidden="1"/>
    </xf>
    <xf numFmtId="49" fontId="5" fillId="0" borderId="51" xfId="0" applyNumberFormat="1" applyFont="1" applyFill="1" applyBorder="1" applyAlignment="1" applyProtection="1">
      <alignment vertical="center"/>
      <protection hidden="1"/>
    </xf>
    <xf numFmtId="49" fontId="5" fillId="0" borderId="53" xfId="0" applyNumberFormat="1" applyFont="1" applyFill="1" applyBorder="1" applyAlignment="1" applyProtection="1">
      <alignment vertical="center"/>
      <protection hidden="1"/>
    </xf>
    <xf numFmtId="49" fontId="6" fillId="0" borderId="19" xfId="0" applyNumberFormat="1" applyFont="1" applyFill="1" applyBorder="1" applyAlignment="1">
      <alignment horizontal="distributed" vertical="center" shrinkToFit="1"/>
    </xf>
    <xf numFmtId="49" fontId="6" fillId="0" borderId="105" xfId="0" applyNumberFormat="1" applyFont="1" applyFill="1" applyBorder="1" applyAlignment="1">
      <alignment vertical="center"/>
    </xf>
    <xf numFmtId="49" fontId="1" fillId="0" borderId="84" xfId="0" quotePrefix="1" applyNumberFormat="1" applyFont="1" applyFill="1" applyBorder="1" applyAlignment="1">
      <alignment horizontal="center" vertical="center"/>
    </xf>
    <xf numFmtId="49" fontId="5" fillId="0" borderId="105" xfId="0" applyNumberFormat="1" applyFont="1" applyFill="1" applyBorder="1" applyAlignment="1" applyProtection="1">
      <alignment vertical="center"/>
      <protection hidden="1"/>
    </xf>
    <xf numFmtId="49" fontId="5" fillId="0" borderId="41" xfId="0" applyNumberFormat="1" applyFont="1" applyFill="1" applyBorder="1" applyAlignment="1" applyProtection="1">
      <alignment vertical="center"/>
      <protection hidden="1"/>
    </xf>
    <xf numFmtId="49" fontId="5" fillId="0" borderId="42" xfId="0" applyNumberFormat="1" applyFont="1" applyFill="1" applyBorder="1" applyAlignment="1" applyProtection="1">
      <alignment vertical="center"/>
      <protection hidden="1"/>
    </xf>
    <xf numFmtId="49" fontId="5" fillId="0" borderId="43" xfId="0" applyNumberFormat="1" applyFont="1" applyFill="1" applyBorder="1" applyAlignment="1" applyProtection="1">
      <alignment vertical="center"/>
      <protection hidden="1"/>
    </xf>
    <xf numFmtId="49" fontId="5" fillId="0" borderId="20" xfId="0" applyNumberFormat="1" applyFont="1" applyFill="1" applyBorder="1" applyAlignment="1" applyProtection="1">
      <alignment vertical="center"/>
      <protection hidden="1"/>
    </xf>
    <xf numFmtId="49" fontId="6" fillId="0" borderId="32" xfId="0" applyNumberFormat="1" applyFont="1" applyFill="1" applyBorder="1" applyAlignment="1">
      <alignment vertical="center"/>
    </xf>
    <xf numFmtId="49" fontId="5" fillId="0" borderId="104" xfId="0" applyNumberFormat="1" applyFont="1" applyFill="1" applyBorder="1" applyAlignment="1" applyProtection="1">
      <alignment vertical="center"/>
      <protection hidden="1"/>
    </xf>
    <xf numFmtId="49" fontId="5" fillId="0" borderId="50" xfId="0" applyNumberFormat="1" applyFont="1" applyFill="1" applyBorder="1" applyAlignment="1" applyProtection="1">
      <alignment vertical="center"/>
      <protection hidden="1"/>
    </xf>
    <xf numFmtId="49" fontId="5" fillId="0" borderId="44" xfId="0" applyNumberFormat="1" applyFont="1" applyFill="1" applyBorder="1" applyAlignment="1" applyProtection="1">
      <alignment vertical="center"/>
      <protection hidden="1"/>
    </xf>
    <xf numFmtId="49" fontId="5" fillId="0" borderId="68" xfId="0" applyNumberFormat="1" applyFont="1" applyFill="1" applyBorder="1" applyAlignment="1" applyProtection="1">
      <alignment vertical="center"/>
      <protection hidden="1"/>
    </xf>
    <xf numFmtId="49" fontId="5" fillId="0" borderId="69" xfId="0" applyNumberFormat="1" applyFont="1" applyFill="1" applyBorder="1" applyAlignment="1" applyProtection="1">
      <alignment vertical="center"/>
      <protection hidden="1"/>
    </xf>
    <xf numFmtId="49" fontId="6" fillId="0" borderId="26" xfId="0" applyNumberFormat="1" applyFont="1" applyFill="1" applyBorder="1" applyAlignment="1">
      <alignment horizontal="center" vertical="center" shrinkToFit="1"/>
    </xf>
    <xf numFmtId="49" fontId="6" fillId="0" borderId="26" xfId="0" applyNumberFormat="1" applyFont="1" applyFill="1" applyBorder="1" applyAlignment="1">
      <alignment vertical="center"/>
    </xf>
    <xf numFmtId="49" fontId="1" fillId="0" borderId="83" xfId="0" quotePrefix="1" applyNumberFormat="1" applyFont="1" applyFill="1" applyBorder="1" applyAlignment="1">
      <alignment horizontal="center" vertical="center"/>
    </xf>
    <xf numFmtId="49" fontId="6" fillId="0" borderId="17" xfId="0" applyNumberFormat="1" applyFont="1" applyBorder="1" applyAlignment="1">
      <alignment horizontal="center" vertical="center"/>
    </xf>
    <xf numFmtId="49" fontId="6" fillId="0" borderId="111" xfId="0" quotePrefix="1" applyNumberFormat="1" applyFont="1" applyFill="1" applyBorder="1" applyAlignment="1">
      <alignment horizontal="center" vertical="center"/>
    </xf>
    <xf numFmtId="49" fontId="1" fillId="0" borderId="108" xfId="0" applyNumberFormat="1" applyFont="1" applyFill="1" applyBorder="1" applyAlignment="1">
      <alignment horizontal="center" vertical="center"/>
    </xf>
    <xf numFmtId="49" fontId="6" fillId="0" borderId="74" xfId="0" applyNumberFormat="1" applyFont="1" applyBorder="1" applyAlignment="1">
      <alignment horizontal="center" vertical="center"/>
    </xf>
    <xf numFmtId="49" fontId="5" fillId="0" borderId="14" xfId="0" applyNumberFormat="1" applyFont="1" applyFill="1" applyBorder="1" applyAlignment="1" applyProtection="1">
      <alignment vertical="center"/>
      <protection hidden="1"/>
    </xf>
    <xf numFmtId="49" fontId="5" fillId="0" borderId="46" xfId="0" applyNumberFormat="1" applyFont="1" applyFill="1" applyBorder="1" applyAlignment="1" applyProtection="1">
      <alignment vertical="center"/>
      <protection hidden="1"/>
    </xf>
    <xf numFmtId="49" fontId="5" fillId="0" borderId="28" xfId="0" applyNumberFormat="1" applyFont="1" applyFill="1" applyBorder="1" applyAlignment="1" applyProtection="1">
      <alignment vertical="center"/>
      <protection hidden="1"/>
    </xf>
    <xf numFmtId="49" fontId="5" fillId="0" borderId="35" xfId="0" applyNumberFormat="1" applyFont="1" applyFill="1" applyBorder="1" applyAlignment="1" applyProtection="1">
      <alignment vertical="center"/>
      <protection hidden="1"/>
    </xf>
    <xf numFmtId="49" fontId="5" fillId="0" borderId="5" xfId="0" applyNumberFormat="1" applyFont="1" applyFill="1" applyBorder="1" applyAlignment="1" applyProtection="1">
      <alignment vertical="center"/>
      <protection hidden="1"/>
    </xf>
    <xf numFmtId="49" fontId="6" fillId="0" borderId="1" xfId="0" applyNumberFormat="1" applyFont="1" applyFill="1" applyBorder="1" applyAlignment="1">
      <alignment horizontal="center" vertical="center"/>
    </xf>
    <xf numFmtId="49" fontId="1" fillId="0" borderId="81" xfId="0" applyNumberFormat="1" applyFont="1" applyFill="1" applyBorder="1" applyAlignment="1">
      <alignment horizontal="center" vertical="center"/>
    </xf>
    <xf numFmtId="49" fontId="5" fillId="0" borderId="67" xfId="0" applyNumberFormat="1" applyFont="1" applyFill="1" applyBorder="1" applyAlignment="1" applyProtection="1">
      <alignment vertical="center"/>
      <protection hidden="1"/>
    </xf>
    <xf numFmtId="49" fontId="5" fillId="0" borderId="54" xfId="0" applyNumberFormat="1" applyFont="1" applyFill="1" applyBorder="1" applyAlignment="1" applyProtection="1">
      <alignment vertical="center"/>
      <protection hidden="1"/>
    </xf>
    <xf numFmtId="49" fontId="5" fillId="0" borderId="55" xfId="0" applyNumberFormat="1" applyFont="1" applyFill="1" applyBorder="1" applyAlignment="1" applyProtection="1">
      <alignment vertical="center"/>
      <protection hidden="1"/>
    </xf>
    <xf numFmtId="49" fontId="5" fillId="0" borderId="56" xfId="0" applyNumberFormat="1" applyFont="1" applyFill="1" applyBorder="1" applyAlignment="1" applyProtection="1">
      <alignment vertical="center"/>
      <protection hidden="1"/>
    </xf>
    <xf numFmtId="49" fontId="5" fillId="0" borderId="4" xfId="0" applyNumberFormat="1" applyFont="1" applyFill="1" applyBorder="1" applyAlignment="1" applyProtection="1">
      <alignment vertical="center"/>
      <protection hidden="1"/>
    </xf>
    <xf numFmtId="49" fontId="1" fillId="0" borderId="109" xfId="0" applyNumberFormat="1" applyFont="1" applyFill="1" applyBorder="1" applyAlignment="1">
      <alignment horizontal="center" vertical="center"/>
    </xf>
    <xf numFmtId="49" fontId="6" fillId="0" borderId="19" xfId="0" applyNumberFormat="1" applyFont="1" applyFill="1" applyBorder="1" applyAlignment="1">
      <alignment horizontal="center" vertical="center" shrinkToFit="1"/>
    </xf>
    <xf numFmtId="49" fontId="1" fillId="0" borderId="84" xfId="0" applyNumberFormat="1" applyFont="1" applyFill="1" applyBorder="1" applyAlignment="1">
      <alignment horizontal="center" vertical="center"/>
    </xf>
    <xf numFmtId="49" fontId="1" fillId="0" borderId="84" xfId="0" applyNumberFormat="1" applyFont="1" applyFill="1" applyBorder="1" applyAlignment="1" applyProtection="1">
      <alignment horizontal="center" vertical="center"/>
      <protection hidden="1"/>
    </xf>
    <xf numFmtId="49" fontId="0" fillId="0" borderId="0" xfId="0" applyNumberFormat="1" applyAlignment="1">
      <alignment horizontal="center" vertical="center"/>
    </xf>
    <xf numFmtId="49" fontId="6" fillId="0" borderId="57" xfId="0" applyNumberFormat="1" applyFont="1" applyFill="1" applyBorder="1" applyAlignment="1">
      <alignment horizontal="center" vertical="center" wrapText="1"/>
    </xf>
    <xf numFmtId="49" fontId="25" fillId="0" borderId="57" xfId="0" applyNumberFormat="1" applyFont="1" applyFill="1" applyBorder="1" applyAlignment="1">
      <alignment horizontal="center" vertical="center" wrapText="1"/>
    </xf>
    <xf numFmtId="49" fontId="23" fillId="0" borderId="85" xfId="0" applyNumberFormat="1" applyFont="1" applyFill="1" applyBorder="1" applyAlignment="1" applyProtection="1">
      <alignment horizontal="right" vertical="top" shrinkToFit="1"/>
      <protection hidden="1"/>
    </xf>
    <xf numFmtId="49" fontId="23" fillId="0" borderId="86" xfId="0" applyNumberFormat="1" applyFont="1" applyFill="1" applyBorder="1" applyAlignment="1" applyProtection="1">
      <alignment horizontal="right" vertical="justify" wrapText="1" shrinkToFit="1"/>
      <protection hidden="1"/>
    </xf>
    <xf numFmtId="49" fontId="23" fillId="0" borderId="30" xfId="0" applyNumberFormat="1" applyFont="1" applyFill="1" applyBorder="1" applyAlignment="1" applyProtection="1">
      <alignment horizontal="right" vertical="justify" wrapText="1" shrinkToFit="1"/>
      <protection hidden="1"/>
    </xf>
    <xf numFmtId="49" fontId="29" fillId="0" borderId="0" xfId="0" applyNumberFormat="1" applyFont="1">
      <alignment vertical="center"/>
    </xf>
    <xf numFmtId="49" fontId="24" fillId="0" borderId="57" xfId="0" applyNumberFormat="1" applyFont="1" applyFill="1" applyBorder="1" applyAlignment="1">
      <alignment horizontal="center" vertical="center" wrapText="1"/>
    </xf>
    <xf numFmtId="49" fontId="6" fillId="0" borderId="0" xfId="0" applyNumberFormat="1" applyFont="1" applyFill="1" applyBorder="1" applyAlignment="1">
      <alignment horizontal="right" vertical="center"/>
    </xf>
    <xf numFmtId="49" fontId="6" fillId="0" borderId="0" xfId="0" applyNumberFormat="1" applyFont="1" applyFill="1" applyBorder="1" applyAlignment="1">
      <alignment vertical="center" wrapText="1"/>
    </xf>
    <xf numFmtId="49" fontId="1" fillId="0" borderId="57" xfId="0" applyNumberFormat="1" applyFont="1" applyFill="1" applyBorder="1" applyAlignment="1">
      <alignment horizontal="center" vertical="center"/>
    </xf>
    <xf numFmtId="49" fontId="6" fillId="0" borderId="0" xfId="0" applyNumberFormat="1" applyFont="1" applyFill="1">
      <alignment vertical="center"/>
    </xf>
    <xf numFmtId="49" fontId="8" fillId="0" borderId="0" xfId="0" applyNumberFormat="1" applyFont="1" applyFill="1" applyBorder="1" applyAlignment="1">
      <alignment vertical="top" wrapText="1"/>
    </xf>
    <xf numFmtId="49" fontId="0" fillId="0" borderId="0" xfId="0" applyNumberFormat="1" applyBorder="1" applyAlignment="1">
      <alignment horizontal="center" vertical="center"/>
    </xf>
    <xf numFmtId="49" fontId="8" fillId="0" borderId="3" xfId="0" applyNumberFormat="1" applyFont="1" applyFill="1" applyBorder="1" applyAlignment="1">
      <alignment horizontal="center" vertical="center" wrapText="1"/>
    </xf>
    <xf numFmtId="49" fontId="6" fillId="0" borderId="0" xfId="0" applyNumberFormat="1" applyFont="1" applyFill="1" applyBorder="1" applyAlignment="1">
      <alignment horizontal="center" vertical="center"/>
    </xf>
    <xf numFmtId="49" fontId="5" fillId="0" borderId="15" xfId="0" applyNumberFormat="1" applyFont="1" applyFill="1" applyBorder="1" applyAlignment="1" applyProtection="1">
      <alignment vertical="center"/>
      <protection hidden="1"/>
    </xf>
    <xf numFmtId="49" fontId="2" fillId="0" borderId="24" xfId="0" applyNumberFormat="1" applyFont="1" applyFill="1" applyBorder="1" applyAlignment="1" applyProtection="1">
      <alignment horizontal="right" vertical="top"/>
      <protection hidden="1"/>
    </xf>
    <xf numFmtId="49" fontId="2" fillId="0" borderId="27" xfId="0" applyNumberFormat="1" applyFont="1" applyFill="1" applyBorder="1" applyAlignment="1" applyProtection="1">
      <alignment horizontal="right" vertical="top"/>
      <protection hidden="1"/>
    </xf>
    <xf numFmtId="49" fontId="2" fillId="0" borderId="30" xfId="0" applyNumberFormat="1" applyFont="1" applyFill="1" applyBorder="1" applyAlignment="1" applyProtection="1">
      <alignment horizontal="right" vertical="top"/>
      <protection hidden="1"/>
    </xf>
    <xf numFmtId="49" fontId="5" fillId="0" borderId="25" xfId="0" applyNumberFormat="1" applyFont="1" applyFill="1" applyBorder="1" applyAlignment="1" applyProtection="1">
      <alignment vertical="center"/>
      <protection locked="0"/>
    </xf>
    <xf numFmtId="49" fontId="6" fillId="0" borderId="37" xfId="0" applyNumberFormat="1" applyFont="1" applyFill="1" applyBorder="1" applyAlignment="1" applyProtection="1">
      <alignment vertical="center"/>
      <protection hidden="1"/>
    </xf>
    <xf numFmtId="49" fontId="5" fillId="0" borderId="26" xfId="0" applyNumberFormat="1" applyFont="1" applyFill="1" applyBorder="1" applyAlignment="1" applyProtection="1">
      <alignment vertical="center"/>
      <protection hidden="1"/>
    </xf>
    <xf numFmtId="49" fontId="6" fillId="0" borderId="36" xfId="0" applyNumberFormat="1" applyFont="1" applyFill="1" applyBorder="1" applyAlignment="1" applyProtection="1">
      <alignment vertical="center"/>
      <protection hidden="1"/>
    </xf>
    <xf numFmtId="49" fontId="6" fillId="0" borderId="29" xfId="0" applyNumberFormat="1" applyFont="1" applyFill="1" applyBorder="1" applyAlignment="1" applyProtection="1">
      <alignment vertical="center"/>
      <protection hidden="1"/>
    </xf>
    <xf numFmtId="49" fontId="5" fillId="0" borderId="98" xfId="0" applyNumberFormat="1" applyFont="1" applyFill="1" applyBorder="1" applyAlignment="1" applyProtection="1">
      <alignment vertical="center"/>
      <protection hidden="1"/>
    </xf>
    <xf numFmtId="49" fontId="5" fillId="0" borderId="92" xfId="0" applyNumberFormat="1" applyFont="1" applyFill="1" applyBorder="1" applyAlignment="1" applyProtection="1">
      <alignment vertical="center"/>
      <protection hidden="1"/>
    </xf>
    <xf numFmtId="49" fontId="5" fillId="0" borderId="47" xfId="0" applyNumberFormat="1" applyFont="1" applyFill="1" applyBorder="1" applyAlignment="1" applyProtection="1">
      <alignment vertical="center"/>
      <protection hidden="1"/>
    </xf>
    <xf numFmtId="49" fontId="10" fillId="0" borderId="0" xfId="0" applyNumberFormat="1" applyFont="1" applyAlignment="1">
      <alignment horizontal="center" vertical="center"/>
    </xf>
    <xf numFmtId="49" fontId="1" fillId="0" borderId="0" xfId="0" applyNumberFormat="1" applyFont="1" applyFill="1" applyBorder="1" applyAlignment="1" applyProtection="1">
      <alignment horizontal="distributed" vertical="center" wrapText="1"/>
    </xf>
    <xf numFmtId="49" fontId="1" fillId="0" borderId="57" xfId="0" applyNumberFormat="1" applyFont="1" applyBorder="1" applyAlignment="1">
      <alignment horizontal="distributed" vertical="center" justifyLastLine="1"/>
    </xf>
    <xf numFmtId="49" fontId="0" fillId="0" borderId="0" xfId="0" applyNumberFormat="1" applyAlignment="1">
      <alignment horizontal="distributed" vertical="center" justifyLastLine="1"/>
    </xf>
    <xf numFmtId="49" fontId="14" fillId="0" borderId="57" xfId="0" applyNumberFormat="1" applyFont="1" applyFill="1" applyBorder="1" applyAlignment="1" applyProtection="1">
      <alignment vertical="center" wrapText="1"/>
    </xf>
    <xf numFmtId="49" fontId="1" fillId="0" borderId="0" xfId="0" applyNumberFormat="1" applyFont="1" applyFill="1" applyBorder="1" applyAlignment="1" applyProtection="1">
      <alignment vertical="center" wrapText="1"/>
    </xf>
    <xf numFmtId="49" fontId="8" fillId="0" borderId="0" xfId="0" applyNumberFormat="1" applyFont="1" applyBorder="1" applyAlignment="1">
      <alignment horizontal="left" vertical="center" wrapText="1" indent="1"/>
    </xf>
    <xf numFmtId="49" fontId="8" fillId="0" borderId="0" xfId="0" applyNumberFormat="1" applyFont="1" applyBorder="1" applyAlignment="1">
      <alignment horizontal="left" vertical="center" wrapText="1"/>
    </xf>
    <xf numFmtId="49" fontId="1" fillId="0" borderId="73" xfId="0" applyNumberFormat="1" applyFont="1" applyBorder="1" applyAlignment="1">
      <alignment horizontal="center" vertical="center"/>
    </xf>
    <xf numFmtId="49" fontId="17" fillId="0" borderId="4" xfId="0" applyNumberFormat="1" applyFont="1" applyFill="1" applyBorder="1" applyAlignment="1" applyProtection="1">
      <alignment vertical="center" wrapText="1"/>
    </xf>
    <xf numFmtId="49" fontId="17" fillId="0" borderId="8" xfId="0" applyNumberFormat="1" applyFont="1" applyFill="1" applyBorder="1" applyAlignment="1" applyProtection="1">
      <alignment vertical="center" wrapText="1"/>
    </xf>
    <xf numFmtId="49" fontId="1" fillId="0" borderId="10" xfId="0" applyNumberFormat="1" applyFont="1" applyFill="1" applyBorder="1" applyAlignment="1" applyProtection="1">
      <alignment vertical="center" wrapText="1"/>
    </xf>
    <xf numFmtId="49" fontId="5" fillId="0" borderId="0" xfId="0" applyNumberFormat="1" applyFont="1" applyFill="1" applyBorder="1" applyAlignment="1" applyProtection="1">
      <alignment vertical="center"/>
      <protection hidden="1"/>
    </xf>
    <xf numFmtId="49" fontId="0" fillId="0" borderId="0" xfId="0" applyNumberFormat="1" applyFill="1" applyAlignment="1">
      <alignment vertical="center"/>
    </xf>
    <xf numFmtId="49" fontId="8" fillId="0" borderId="2" xfId="0" applyNumberFormat="1" applyFont="1" applyFill="1" applyBorder="1" applyAlignment="1">
      <alignment horizontal="left" vertical="center" shrinkToFit="1"/>
    </xf>
    <xf numFmtId="49" fontId="0" fillId="0" borderId="32" xfId="0" applyNumberFormat="1" applyBorder="1" applyAlignment="1">
      <alignment vertical="center" shrinkToFit="1"/>
    </xf>
    <xf numFmtId="49" fontId="0" fillId="0" borderId="0" xfId="0" applyNumberFormat="1" applyAlignment="1">
      <alignment vertical="center" shrinkToFit="1"/>
    </xf>
    <xf numFmtId="49" fontId="0" fillId="0" borderId="0" xfId="0" applyNumberFormat="1" applyAlignment="1">
      <alignment horizontal="right" vertical="center"/>
    </xf>
    <xf numFmtId="49" fontId="5" fillId="0" borderId="0" xfId="0" applyNumberFormat="1" applyFont="1" applyFill="1" applyBorder="1" applyAlignment="1" applyProtection="1">
      <alignment horizontal="right" vertical="center"/>
      <protection hidden="1"/>
    </xf>
    <xf numFmtId="0" fontId="0" fillId="0" borderId="0" xfId="0" applyAlignment="1">
      <alignment horizontal="right" vertical="center"/>
    </xf>
    <xf numFmtId="49" fontId="8" fillId="0" borderId="17" xfId="0" applyNumberFormat="1" applyFont="1" applyFill="1" applyBorder="1" applyAlignment="1">
      <alignment horizontal="right" vertical="center"/>
    </xf>
    <xf numFmtId="49" fontId="1" fillId="0" borderId="9" xfId="0" applyNumberFormat="1" applyFont="1" applyFill="1" applyBorder="1" applyAlignment="1" applyProtection="1">
      <alignment horizontal="right" vertical="center"/>
    </xf>
    <xf numFmtId="49" fontId="16" fillId="0" borderId="28" xfId="0" applyNumberFormat="1" applyFont="1" applyFill="1" applyBorder="1" applyAlignment="1" applyProtection="1">
      <alignment horizontal="right" vertical="center"/>
      <protection hidden="1"/>
    </xf>
    <xf numFmtId="49" fontId="5" fillId="0" borderId="36" xfId="0" applyNumberFormat="1" applyFont="1" applyFill="1" applyBorder="1" applyAlignment="1" applyProtection="1">
      <alignment horizontal="right" vertical="center"/>
      <protection hidden="1"/>
    </xf>
    <xf numFmtId="49" fontId="16" fillId="0" borderId="39" xfId="0" applyNumberFormat="1" applyFont="1" applyFill="1" applyBorder="1" applyAlignment="1" applyProtection="1">
      <alignment horizontal="right" vertical="center"/>
      <protection hidden="1"/>
    </xf>
    <xf numFmtId="49" fontId="0" fillId="0" borderId="17" xfId="0" applyNumberFormat="1" applyBorder="1" applyAlignment="1">
      <alignment horizontal="right" vertical="center"/>
    </xf>
    <xf numFmtId="49" fontId="16" fillId="0" borderId="38" xfId="0" applyNumberFormat="1" applyFont="1" applyFill="1" applyBorder="1" applyAlignment="1" applyProtection="1">
      <alignment horizontal="right" vertical="center"/>
      <protection hidden="1"/>
    </xf>
    <xf numFmtId="49" fontId="29" fillId="0" borderId="0" xfId="0" applyNumberFormat="1" applyFont="1" applyFill="1" applyAlignment="1">
      <alignment vertical="center"/>
    </xf>
    <xf numFmtId="49" fontId="8" fillId="0" borderId="91" xfId="0" applyNumberFormat="1" applyFont="1" applyFill="1" applyBorder="1" applyAlignment="1" applyProtection="1">
      <alignment horizontal="right" vertical="center"/>
      <protection hidden="1"/>
    </xf>
    <xf numFmtId="49" fontId="37" fillId="0" borderId="50" xfId="0" applyNumberFormat="1" applyFont="1" applyFill="1" applyBorder="1" applyAlignment="1" applyProtection="1">
      <alignment horizontal="right" vertical="center"/>
      <protection hidden="1"/>
    </xf>
    <xf numFmtId="49" fontId="37" fillId="0" borderId="44" xfId="0" applyNumberFormat="1" applyFont="1" applyFill="1" applyBorder="1" applyAlignment="1" applyProtection="1">
      <alignment horizontal="right" vertical="center"/>
      <protection hidden="1"/>
    </xf>
    <xf numFmtId="49" fontId="8" fillId="0" borderId="68" xfId="0" applyNumberFormat="1" applyFont="1" applyFill="1" applyBorder="1" applyAlignment="1" applyProtection="1">
      <alignment horizontal="right" vertical="center" wrapText="1"/>
      <protection hidden="1"/>
    </xf>
    <xf numFmtId="49" fontId="8" fillId="0" borderId="69" xfId="0" applyNumberFormat="1" applyFont="1" applyFill="1" applyBorder="1" applyAlignment="1" applyProtection="1">
      <alignment horizontal="right" vertical="center" wrapText="1"/>
      <protection hidden="1"/>
    </xf>
    <xf numFmtId="49" fontId="37" fillId="0" borderId="85" xfId="0" applyNumberFormat="1" applyFont="1" applyFill="1" applyBorder="1" applyAlignment="1" applyProtection="1">
      <alignment horizontal="right" vertical="center"/>
      <protection locked="0"/>
    </xf>
    <xf numFmtId="49" fontId="37" fillId="0" borderId="34" xfId="0" applyNumberFormat="1" applyFont="1" applyFill="1" applyBorder="1" applyAlignment="1" applyProtection="1">
      <alignment horizontal="right" vertical="center"/>
      <protection locked="0"/>
    </xf>
    <xf numFmtId="49" fontId="37" fillId="0" borderId="27" xfId="0" applyNumberFormat="1" applyFont="1" applyFill="1" applyBorder="1" applyAlignment="1" applyProtection="1">
      <alignment horizontal="right" vertical="center"/>
      <protection locked="0"/>
    </xf>
    <xf numFmtId="49" fontId="37" fillId="0" borderId="68" xfId="0" applyNumberFormat="1" applyFont="1" applyFill="1" applyBorder="1" applyAlignment="1" applyProtection="1">
      <alignment horizontal="right" vertical="center"/>
      <protection hidden="1"/>
    </xf>
    <xf numFmtId="49" fontId="37" fillId="0" borderId="69" xfId="0" applyNumberFormat="1" applyFont="1" applyFill="1" applyBorder="1" applyAlignment="1" applyProtection="1">
      <alignment horizontal="right" vertical="center"/>
      <protection hidden="1"/>
    </xf>
    <xf numFmtId="49" fontId="37" fillId="0" borderId="98" xfId="0" applyNumberFormat="1" applyFont="1" applyFill="1" applyBorder="1" applyAlignment="1" applyProtection="1">
      <alignment horizontal="right" vertical="center"/>
      <protection hidden="1"/>
    </xf>
    <xf numFmtId="49" fontId="37" fillId="0" borderId="52" xfId="0" applyNumberFormat="1" applyFont="1" applyFill="1" applyBorder="1" applyAlignment="1" applyProtection="1">
      <alignment horizontal="right" vertical="center"/>
      <protection hidden="1"/>
    </xf>
    <xf numFmtId="49" fontId="37" fillId="0" borderId="45" xfId="0" applyNumberFormat="1" applyFont="1" applyFill="1" applyBorder="1" applyAlignment="1" applyProtection="1">
      <alignment horizontal="right" vertical="center"/>
      <protection hidden="1"/>
    </xf>
    <xf numFmtId="49" fontId="37" fillId="0" borderId="51" xfId="0" applyNumberFormat="1" applyFont="1" applyFill="1" applyBorder="1" applyAlignment="1" applyProtection="1">
      <alignment horizontal="right" vertical="center"/>
      <protection hidden="1"/>
    </xf>
    <xf numFmtId="49" fontId="37" fillId="0" borderId="53" xfId="0" applyNumberFormat="1" applyFont="1" applyFill="1" applyBorder="1" applyAlignment="1" applyProtection="1">
      <alignment horizontal="right" vertical="center"/>
      <protection hidden="1"/>
    </xf>
    <xf numFmtId="49" fontId="37" fillId="0" borderId="90" xfId="0" applyNumberFormat="1" applyFont="1" applyFill="1" applyBorder="1" applyAlignment="1" applyProtection="1">
      <alignment horizontal="right" vertical="center"/>
      <protection hidden="1"/>
    </xf>
    <xf numFmtId="49" fontId="37" fillId="0" borderId="38" xfId="0" applyNumberFormat="1" applyFont="1" applyFill="1" applyBorder="1" applyAlignment="1" applyProtection="1">
      <alignment horizontal="right" vertical="center"/>
      <protection hidden="1"/>
    </xf>
    <xf numFmtId="49" fontId="37" fillId="0" borderId="39" xfId="0" applyNumberFormat="1" applyFont="1" applyFill="1" applyBorder="1" applyAlignment="1" applyProtection="1">
      <alignment horizontal="right" vertical="center"/>
      <protection hidden="1"/>
    </xf>
    <xf numFmtId="49" fontId="37" fillId="0" borderId="40" xfId="0" applyNumberFormat="1" applyFont="1" applyFill="1" applyBorder="1" applyAlignment="1" applyProtection="1">
      <alignment horizontal="right" vertical="center"/>
      <protection hidden="1"/>
    </xf>
    <xf numFmtId="49" fontId="37" fillId="0" borderId="7" xfId="0" applyNumberFormat="1" applyFont="1" applyFill="1" applyBorder="1" applyAlignment="1" applyProtection="1">
      <alignment horizontal="right" vertical="center"/>
      <protection hidden="1"/>
    </xf>
    <xf numFmtId="49" fontId="37" fillId="0" borderId="95" xfId="0" applyNumberFormat="1" applyFont="1" applyFill="1" applyBorder="1" applyAlignment="1" applyProtection="1">
      <alignment horizontal="right" vertical="center"/>
      <protection hidden="1"/>
    </xf>
    <xf numFmtId="49" fontId="37" fillId="0" borderId="41" xfId="0" applyNumberFormat="1" applyFont="1" applyFill="1" applyBorder="1" applyAlignment="1" applyProtection="1">
      <alignment horizontal="right" vertical="center"/>
      <protection hidden="1"/>
    </xf>
    <xf numFmtId="49" fontId="37" fillId="0" borderId="42" xfId="0" applyNumberFormat="1" applyFont="1" applyFill="1" applyBorder="1" applyAlignment="1" applyProtection="1">
      <alignment horizontal="right" vertical="center"/>
      <protection hidden="1"/>
    </xf>
    <xf numFmtId="49" fontId="37" fillId="0" borderId="43" xfId="0" applyNumberFormat="1" applyFont="1" applyFill="1" applyBorder="1" applyAlignment="1" applyProtection="1">
      <alignment horizontal="right" vertical="center"/>
      <protection hidden="1"/>
    </xf>
    <xf numFmtId="49" fontId="37" fillId="0" borderId="20" xfId="0" applyNumberFormat="1" applyFont="1" applyFill="1" applyBorder="1" applyAlignment="1" applyProtection="1">
      <alignment horizontal="right" vertical="center"/>
      <protection hidden="1"/>
    </xf>
    <xf numFmtId="49" fontId="8" fillId="0" borderId="33" xfId="0" applyNumberFormat="1" applyFont="1" applyFill="1" applyBorder="1" applyAlignment="1">
      <alignment vertical="center"/>
    </xf>
    <xf numFmtId="49" fontId="8" fillId="0" borderId="7" xfId="0" applyNumberFormat="1" applyFont="1" applyFill="1" applyBorder="1" applyAlignment="1">
      <alignment vertical="center"/>
    </xf>
    <xf numFmtId="49" fontId="8" fillId="0" borderId="85" xfId="0" applyNumberFormat="1" applyFont="1" applyFill="1" applyBorder="1" applyAlignment="1" applyProtection="1">
      <alignment horizontal="right" vertical="center"/>
      <protection hidden="1"/>
    </xf>
    <xf numFmtId="49" fontId="37" fillId="0" borderId="34" xfId="0" applyNumberFormat="1" applyFont="1" applyFill="1" applyBorder="1" applyAlignment="1" applyProtection="1">
      <alignment horizontal="right" vertical="center"/>
      <protection hidden="1"/>
    </xf>
    <xf numFmtId="49" fontId="37" fillId="0" borderId="27" xfId="0" applyNumberFormat="1" applyFont="1" applyFill="1" applyBorder="1" applyAlignment="1" applyProtection="1">
      <alignment horizontal="right" vertical="center"/>
      <protection hidden="1"/>
    </xf>
    <xf numFmtId="49" fontId="8" fillId="0" borderId="86" xfId="0" applyNumberFormat="1" applyFont="1" applyFill="1" applyBorder="1" applyAlignment="1" applyProtection="1">
      <alignment horizontal="right" vertical="center"/>
      <protection hidden="1"/>
    </xf>
    <xf numFmtId="49" fontId="8" fillId="0" borderId="86" xfId="0" applyNumberFormat="1" applyFont="1" applyFill="1" applyBorder="1" applyAlignment="1" applyProtection="1">
      <alignment horizontal="right" vertical="center" wrapText="1"/>
      <protection hidden="1"/>
    </xf>
    <xf numFmtId="49" fontId="37" fillId="0" borderId="98" xfId="0" applyNumberFormat="1" applyFont="1" applyFill="1" applyBorder="1" applyAlignment="1" applyProtection="1">
      <alignment horizontal="right" vertical="center"/>
      <protection locked="0"/>
    </xf>
    <xf numFmtId="49" fontId="37" fillId="0" borderId="41" xfId="0" applyNumberFormat="1" applyFont="1" applyFill="1" applyBorder="1" applyAlignment="1" applyProtection="1">
      <alignment horizontal="right" vertical="center"/>
      <protection locked="0"/>
    </xf>
    <xf numFmtId="49" fontId="37" fillId="0" borderId="42" xfId="0" applyNumberFormat="1" applyFont="1" applyFill="1" applyBorder="1" applyAlignment="1" applyProtection="1">
      <alignment horizontal="right" vertical="center"/>
      <protection locked="0"/>
    </xf>
    <xf numFmtId="49" fontId="37" fillId="0" borderId="51" xfId="0" applyNumberFormat="1" applyFont="1" applyFill="1" applyBorder="1" applyAlignment="1" applyProtection="1">
      <alignment horizontal="right" vertical="center"/>
      <protection locked="0"/>
    </xf>
    <xf numFmtId="49" fontId="8" fillId="0" borderId="113" xfId="0" applyNumberFormat="1" applyFont="1" applyFill="1" applyBorder="1" applyAlignment="1" applyProtection="1">
      <alignment horizontal="right" vertical="center" wrapText="1"/>
      <protection hidden="1"/>
    </xf>
    <xf numFmtId="49" fontId="8" fillId="0" borderId="32" xfId="0" applyNumberFormat="1" applyFont="1" applyFill="1" applyBorder="1" applyAlignment="1">
      <alignment vertical="center"/>
    </xf>
    <xf numFmtId="49" fontId="8" fillId="0" borderId="30" xfId="0" applyNumberFormat="1" applyFont="1" applyFill="1" applyBorder="1" applyAlignment="1" applyProtection="1">
      <alignment horizontal="right" vertical="center" wrapText="1"/>
      <protection hidden="1"/>
    </xf>
    <xf numFmtId="49" fontId="37" fillId="0" borderId="97" xfId="0" applyNumberFormat="1" applyFont="1" applyFill="1" applyBorder="1" applyAlignment="1" applyProtection="1">
      <alignment horizontal="right" vertical="center"/>
      <protection hidden="1"/>
    </xf>
    <xf numFmtId="49" fontId="37" fillId="0" borderId="49" xfId="0" applyNumberFormat="1" applyFont="1" applyFill="1" applyBorder="1" applyAlignment="1" applyProtection="1">
      <alignment horizontal="right" vertical="center"/>
      <protection hidden="1"/>
    </xf>
    <xf numFmtId="49" fontId="37" fillId="0" borderId="28" xfId="0" applyNumberFormat="1" applyFont="1" applyFill="1" applyBorder="1" applyAlignment="1" applyProtection="1">
      <alignment horizontal="right" vertical="center"/>
      <protection hidden="1"/>
    </xf>
    <xf numFmtId="49" fontId="37" fillId="0" borderId="35" xfId="0" applyNumberFormat="1" applyFont="1" applyFill="1" applyBorder="1" applyAlignment="1" applyProtection="1">
      <alignment horizontal="right" vertical="center"/>
      <protection hidden="1"/>
    </xf>
    <xf numFmtId="49" fontId="37" fillId="0" borderId="46" xfId="0" applyNumberFormat="1" applyFont="1" applyFill="1" applyBorder="1" applyAlignment="1" applyProtection="1">
      <alignment horizontal="right" vertical="center"/>
      <protection hidden="1"/>
    </xf>
    <xf numFmtId="49" fontId="37" fillId="0" borderId="5" xfId="0" applyNumberFormat="1" applyFont="1" applyFill="1" applyBorder="1" applyAlignment="1" applyProtection="1">
      <alignment horizontal="right" vertical="center"/>
      <protection hidden="1"/>
    </xf>
    <xf numFmtId="49" fontId="37" fillId="0" borderId="114" xfId="0" applyNumberFormat="1" applyFont="1" applyFill="1" applyBorder="1" applyAlignment="1" applyProtection="1">
      <alignment horizontal="right" vertical="center"/>
      <protection hidden="1"/>
    </xf>
    <xf numFmtId="49" fontId="37" fillId="0" borderId="115" xfId="0" applyNumberFormat="1" applyFont="1" applyFill="1" applyBorder="1" applyAlignment="1" applyProtection="1">
      <alignment horizontal="right" vertical="center"/>
      <protection hidden="1"/>
    </xf>
    <xf numFmtId="49" fontId="37" fillId="0" borderId="116" xfId="0" applyNumberFormat="1" applyFont="1" applyFill="1" applyBorder="1" applyAlignment="1" applyProtection="1">
      <alignment horizontal="right" vertical="center"/>
      <protection hidden="1"/>
    </xf>
    <xf numFmtId="49" fontId="37" fillId="0" borderId="117" xfId="0" applyNumberFormat="1" applyFont="1" applyFill="1" applyBorder="1" applyAlignment="1" applyProtection="1">
      <alignment horizontal="right" vertical="center"/>
      <protection hidden="1"/>
    </xf>
    <xf numFmtId="49" fontId="37" fillId="0" borderId="118" xfId="0" applyNumberFormat="1" applyFont="1" applyFill="1" applyBorder="1" applyAlignment="1" applyProtection="1">
      <alignment horizontal="right" vertical="center"/>
      <protection hidden="1"/>
    </xf>
    <xf numFmtId="49" fontId="37" fillId="0" borderId="71" xfId="0" applyNumberFormat="1" applyFont="1" applyFill="1" applyBorder="1" applyAlignment="1" applyProtection="1">
      <alignment horizontal="right" vertical="center"/>
      <protection hidden="1"/>
    </xf>
    <xf numFmtId="49" fontId="37" fillId="0" borderId="93" xfId="0" applyNumberFormat="1" applyFont="1" applyFill="1" applyBorder="1" applyAlignment="1" applyProtection="1">
      <alignment horizontal="right" vertical="center"/>
      <protection hidden="1"/>
    </xf>
    <xf numFmtId="49" fontId="37" fillId="0" borderId="119" xfId="0" applyNumberFormat="1" applyFont="1" applyFill="1" applyBorder="1" applyAlignment="1" applyProtection="1">
      <alignment horizontal="right" vertical="center"/>
      <protection hidden="1"/>
    </xf>
    <xf numFmtId="49" fontId="37" fillId="0" borderId="55" xfId="0" applyNumberFormat="1" applyFont="1" applyFill="1" applyBorder="1" applyAlignment="1" applyProtection="1">
      <alignment horizontal="right" vertical="center"/>
      <protection hidden="1"/>
    </xf>
    <xf numFmtId="49" fontId="37" fillId="0" borderId="56" xfId="0" applyNumberFormat="1" applyFont="1" applyFill="1" applyBorder="1" applyAlignment="1" applyProtection="1">
      <alignment horizontal="right" vertical="center"/>
      <protection hidden="1"/>
    </xf>
    <xf numFmtId="49" fontId="37" fillId="0" borderId="54" xfId="0" applyNumberFormat="1" applyFont="1" applyFill="1" applyBorder="1" applyAlignment="1" applyProtection="1">
      <alignment horizontal="right" vertical="center"/>
      <protection hidden="1"/>
    </xf>
    <xf numFmtId="49" fontId="37" fillId="0" borderId="4" xfId="0" applyNumberFormat="1" applyFont="1" applyFill="1" applyBorder="1" applyAlignment="1" applyProtection="1">
      <alignment horizontal="right" vertical="center"/>
      <protection hidden="1"/>
    </xf>
    <xf numFmtId="49" fontId="37" fillId="0" borderId="92" xfId="0" applyNumberFormat="1" applyFont="1" applyFill="1" applyBorder="1" applyAlignment="1" applyProtection="1">
      <alignment horizontal="right" vertical="center"/>
      <protection hidden="1"/>
    </xf>
    <xf numFmtId="49" fontId="37" fillId="0" borderId="120" xfId="0" applyNumberFormat="1" applyFont="1" applyFill="1" applyBorder="1" applyAlignment="1" applyProtection="1">
      <alignment horizontal="right" vertical="center"/>
      <protection hidden="1"/>
    </xf>
    <xf numFmtId="49" fontId="37" fillId="0" borderId="47" xfId="0" applyNumberFormat="1" applyFont="1" applyFill="1" applyBorder="1" applyAlignment="1" applyProtection="1">
      <alignment horizontal="right" vertical="center"/>
      <protection hidden="1"/>
    </xf>
    <xf numFmtId="49" fontId="37" fillId="0" borderId="48" xfId="0" applyNumberFormat="1" applyFont="1" applyFill="1" applyBorder="1" applyAlignment="1" applyProtection="1">
      <alignment horizontal="right" vertical="center"/>
      <protection hidden="1"/>
    </xf>
    <xf numFmtId="49" fontId="37" fillId="0" borderId="15" xfId="0" applyNumberFormat="1" applyFont="1" applyFill="1" applyBorder="1" applyAlignment="1" applyProtection="1">
      <alignment horizontal="right" vertical="center"/>
      <protection hidden="1"/>
    </xf>
    <xf numFmtId="49" fontId="37" fillId="0" borderId="18" xfId="0" applyNumberFormat="1" applyFont="1" applyFill="1" applyBorder="1" applyAlignment="1" applyProtection="1">
      <alignment horizontal="right" vertical="center"/>
      <protection hidden="1"/>
    </xf>
    <xf numFmtId="49" fontId="37" fillId="0" borderId="121" xfId="0" applyNumberFormat="1" applyFont="1" applyFill="1" applyBorder="1" applyAlignment="1" applyProtection="1">
      <alignment horizontal="right" vertical="center"/>
      <protection hidden="1"/>
    </xf>
    <xf numFmtId="49" fontId="37" fillId="0" borderId="122" xfId="0" applyNumberFormat="1" applyFont="1" applyFill="1" applyBorder="1" applyAlignment="1" applyProtection="1">
      <alignment horizontal="right" vertical="center"/>
      <protection hidden="1"/>
    </xf>
    <xf numFmtId="0" fontId="29" fillId="0" borderId="32" xfId="0" applyFont="1" applyBorder="1" applyAlignment="1">
      <alignment horizontal="left" vertical="center" wrapText="1"/>
    </xf>
    <xf numFmtId="0" fontId="29" fillId="0" borderId="32" xfId="0" applyFont="1" applyBorder="1" applyAlignment="1">
      <alignment horizontal="center" vertical="center" wrapText="1"/>
    </xf>
    <xf numFmtId="0" fontId="29" fillId="0" borderId="26" xfId="0" applyFont="1" applyFill="1" applyBorder="1" applyAlignment="1">
      <alignment horizontal="center" vertical="justify" wrapText="1"/>
    </xf>
    <xf numFmtId="0" fontId="29" fillId="0" borderId="16" xfId="0" applyFont="1" applyFill="1" applyBorder="1" applyAlignment="1">
      <alignment horizontal="center" vertical="justify" wrapText="1"/>
    </xf>
    <xf numFmtId="0" fontId="29" fillId="0" borderId="1" xfId="0" applyFont="1" applyFill="1" applyBorder="1" applyAlignment="1">
      <alignment horizontal="center" vertical="justify" wrapText="1"/>
    </xf>
    <xf numFmtId="0" fontId="29" fillId="0" borderId="67" xfId="0" applyFont="1" applyFill="1" applyBorder="1" applyAlignment="1">
      <alignment horizontal="center" vertical="justify" wrapText="1"/>
    </xf>
    <xf numFmtId="0" fontId="6" fillId="0" borderId="17" xfId="0" applyFont="1" applyFill="1" applyBorder="1" applyAlignment="1">
      <alignment horizontal="center" vertical="center"/>
    </xf>
    <xf numFmtId="0" fontId="6" fillId="0" borderId="18" xfId="0" applyFont="1" applyFill="1" applyBorder="1" applyAlignment="1">
      <alignment horizontal="center" vertical="center"/>
    </xf>
    <xf numFmtId="0" fontId="6" fillId="0" borderId="23" xfId="0" applyFont="1" applyFill="1" applyBorder="1" applyAlignment="1">
      <alignment horizontal="center" vertical="center"/>
    </xf>
    <xf numFmtId="0" fontId="6" fillId="0" borderId="26" xfId="0" applyFont="1" applyFill="1" applyBorder="1" applyAlignment="1">
      <alignment horizontal="center" vertical="center"/>
    </xf>
    <xf numFmtId="0" fontId="6" fillId="0" borderId="6" xfId="0" applyFont="1" applyFill="1" applyBorder="1" applyAlignment="1">
      <alignment horizontal="center" vertical="center"/>
    </xf>
    <xf numFmtId="0" fontId="6" fillId="0" borderId="3" xfId="0" applyFont="1" applyFill="1" applyBorder="1" applyAlignment="1">
      <alignment horizontal="center" vertical="center"/>
    </xf>
    <xf numFmtId="0" fontId="6" fillId="0" borderId="20" xfId="0" applyFont="1" applyFill="1" applyBorder="1" applyAlignment="1">
      <alignment horizontal="center" vertical="center"/>
    </xf>
    <xf numFmtId="0" fontId="6" fillId="0" borderId="19" xfId="0" applyFont="1" applyFill="1" applyBorder="1" applyAlignment="1">
      <alignment horizontal="center" vertical="center"/>
    </xf>
    <xf numFmtId="0" fontId="26" fillId="0" borderId="64" xfId="0" applyFont="1" applyBorder="1" applyAlignment="1">
      <alignment horizontal="center" vertical="center"/>
    </xf>
    <xf numFmtId="0" fontId="26" fillId="0" borderId="0" xfId="0" applyFont="1" applyBorder="1" applyAlignment="1">
      <alignment horizontal="center" vertical="center"/>
    </xf>
    <xf numFmtId="0" fontId="3" fillId="0" borderId="64" xfId="0" applyFont="1" applyBorder="1" applyAlignment="1">
      <alignment horizontal="center" vertical="center"/>
    </xf>
    <xf numFmtId="0" fontId="3" fillId="0" borderId="0" xfId="0" applyFont="1" applyBorder="1" applyAlignment="1">
      <alignment horizontal="center" vertical="center"/>
    </xf>
    <xf numFmtId="0" fontId="6" fillId="0" borderId="21" xfId="0" applyFont="1" applyBorder="1" applyAlignment="1">
      <alignment horizontal="center" vertical="center" justifyLastLine="1"/>
    </xf>
    <xf numFmtId="0" fontId="6" fillId="0" borderId="24" xfId="0" applyFont="1" applyBorder="1" applyAlignment="1">
      <alignment horizontal="center" vertical="center" justifyLastLine="1"/>
    </xf>
    <xf numFmtId="0" fontId="6" fillId="0" borderId="30" xfId="0" applyFont="1" applyBorder="1" applyAlignment="1">
      <alignment horizontal="center" vertical="center" justifyLastLine="1"/>
    </xf>
    <xf numFmtId="0" fontId="6" fillId="0" borderId="0" xfId="0" applyFont="1" applyBorder="1" applyAlignment="1">
      <alignment horizontal="distributed" vertical="top"/>
    </xf>
    <xf numFmtId="0" fontId="6" fillId="0" borderId="18" xfId="0" applyFont="1" applyBorder="1" applyAlignment="1">
      <alignment horizontal="distributed" vertical="top"/>
    </xf>
    <xf numFmtId="0" fontId="6" fillId="0" borderId="26" xfId="0" applyFont="1" applyBorder="1" applyAlignment="1">
      <alignment horizontal="distributed" vertical="center"/>
    </xf>
    <xf numFmtId="0" fontId="6" fillId="0" borderId="6" xfId="0" applyFont="1" applyBorder="1" applyAlignment="1">
      <alignment horizontal="distributed" vertical="center"/>
    </xf>
    <xf numFmtId="0" fontId="8" fillId="0" borderId="0" xfId="0" applyFont="1" applyAlignment="1">
      <alignment horizontal="distributed"/>
    </xf>
    <xf numFmtId="0" fontId="6" fillId="0" borderId="30" xfId="0" applyFont="1" applyBorder="1" applyAlignment="1">
      <alignment horizontal="center" vertical="center"/>
    </xf>
    <xf numFmtId="0" fontId="1" fillId="0" borderId="0" xfId="0" applyFont="1" applyAlignment="1">
      <alignment horizontal="distributed" vertical="center"/>
    </xf>
    <xf numFmtId="0" fontId="1" fillId="0" borderId="0" xfId="0" applyFont="1" applyAlignment="1">
      <alignment horizontal="distributed"/>
    </xf>
    <xf numFmtId="0" fontId="1" fillId="0" borderId="0" xfId="0" applyFont="1" applyBorder="1" applyAlignment="1">
      <alignment horizontal="center" vertical="center"/>
    </xf>
    <xf numFmtId="0" fontId="1" fillId="0" borderId="1" xfId="0" applyFont="1" applyBorder="1" applyAlignment="1">
      <alignment horizontal="center" vertical="center"/>
    </xf>
    <xf numFmtId="0" fontId="1" fillId="0" borderId="0" xfId="0" applyFont="1" applyAlignment="1">
      <alignment horizontal="distributed" vertical="top"/>
    </xf>
    <xf numFmtId="0" fontId="6" fillId="0" borderId="0" xfId="0" applyFont="1" applyBorder="1" applyAlignment="1">
      <alignment horizontal="distributed" vertical="center"/>
    </xf>
    <xf numFmtId="0" fontId="6" fillId="0" borderId="18" xfId="0" applyFont="1" applyBorder="1" applyAlignment="1">
      <alignment horizontal="distributed" vertical="center"/>
    </xf>
    <xf numFmtId="0" fontId="1" fillId="0" borderId="0" xfId="0" quotePrefix="1" applyFont="1" applyAlignment="1">
      <alignment horizontal="center" vertical="center"/>
    </xf>
    <xf numFmtId="0" fontId="1" fillId="0" borderId="0" xfId="0" applyFont="1" applyAlignment="1">
      <alignment horizontal="distributed" vertical="distributed"/>
    </xf>
    <xf numFmtId="0" fontId="29" fillId="0" borderId="13" xfId="0" applyFont="1" applyFill="1" applyBorder="1" applyAlignment="1">
      <alignment horizontal="left" vertical="center" wrapText="1"/>
    </xf>
    <xf numFmtId="0" fontId="29" fillId="0" borderId="77" xfId="0" applyFont="1" applyFill="1" applyBorder="1" applyAlignment="1">
      <alignment horizontal="left" vertical="center"/>
    </xf>
    <xf numFmtId="0" fontId="8" fillId="0" borderId="75" xfId="0" applyFont="1" applyBorder="1" applyAlignment="1">
      <alignment horizontal="center" vertical="center"/>
    </xf>
    <xf numFmtId="0" fontId="8" fillId="0" borderId="25" xfId="0" applyFont="1" applyBorder="1" applyAlignment="1">
      <alignment horizontal="center" vertical="center"/>
    </xf>
    <xf numFmtId="0" fontId="8" fillId="0" borderId="14" xfId="0" applyFont="1" applyBorder="1" applyAlignment="1">
      <alignment horizontal="center" vertical="center"/>
    </xf>
    <xf numFmtId="0" fontId="1" fillId="0" borderId="0" xfId="0" applyFont="1" applyBorder="1" applyAlignment="1">
      <alignment vertical="center"/>
    </xf>
    <xf numFmtId="0" fontId="0" fillId="0" borderId="18" xfId="0" applyBorder="1">
      <alignment vertical="center"/>
    </xf>
    <xf numFmtId="0" fontId="0" fillId="0" borderId="19" xfId="0" applyBorder="1">
      <alignment vertical="center"/>
    </xf>
    <xf numFmtId="0" fontId="0" fillId="0" borderId="20" xfId="0" applyBorder="1">
      <alignment vertical="center"/>
    </xf>
    <xf numFmtId="0" fontId="29" fillId="0" borderId="2" xfId="0" applyFont="1" applyBorder="1" applyAlignment="1">
      <alignment horizontal="center" vertical="center"/>
    </xf>
    <xf numFmtId="0" fontId="6" fillId="0" borderId="69" xfId="0" applyFont="1" applyBorder="1" applyAlignment="1">
      <alignment horizontal="center" vertical="center"/>
    </xf>
    <xf numFmtId="0" fontId="6" fillId="0" borderId="74" xfId="0" applyFont="1" applyBorder="1" applyAlignment="1">
      <alignment horizontal="center" vertical="center"/>
    </xf>
    <xf numFmtId="0" fontId="6" fillId="0" borderId="4" xfId="0" applyFont="1" applyBorder="1" applyAlignment="1">
      <alignment horizontal="center" vertical="center"/>
    </xf>
    <xf numFmtId="0" fontId="6" fillId="0" borderId="32" xfId="0" applyFont="1" applyBorder="1" applyAlignment="1">
      <alignment horizontal="distributed" shrinkToFit="1"/>
    </xf>
    <xf numFmtId="0" fontId="0" fillId="0" borderId="69" xfId="0" applyBorder="1" applyAlignment="1">
      <alignment vertical="center"/>
    </xf>
    <xf numFmtId="0" fontId="6" fillId="0" borderId="1" xfId="0" applyFont="1" applyBorder="1" applyAlignment="1">
      <alignment horizontal="distributed" vertical="center"/>
    </xf>
    <xf numFmtId="0" fontId="0" fillId="0" borderId="4" xfId="0" applyBorder="1" applyAlignment="1">
      <alignment horizontal="distributed" vertical="center"/>
    </xf>
    <xf numFmtId="0" fontId="29" fillId="0" borderId="75" xfId="0" applyFont="1" applyFill="1" applyBorder="1" applyAlignment="1">
      <alignment horizontal="left" vertical="justify" wrapText="1"/>
    </xf>
    <xf numFmtId="0" fontId="29" fillId="0" borderId="13" xfId="0" applyFont="1" applyFill="1" applyBorder="1" applyAlignment="1">
      <alignment horizontal="center" vertical="center" wrapText="1"/>
    </xf>
    <xf numFmtId="0" fontId="29" fillId="0" borderId="77" xfId="0" applyFont="1" applyFill="1" applyBorder="1" applyAlignment="1">
      <alignment horizontal="center" vertical="center" wrapText="1"/>
    </xf>
    <xf numFmtId="0" fontId="8" fillId="0" borderId="13" xfId="0" applyFont="1" applyFill="1" applyBorder="1" applyAlignment="1">
      <alignment horizontal="center" vertical="center" wrapText="1"/>
    </xf>
    <xf numFmtId="0" fontId="8" fillId="0" borderId="77" xfId="0" applyFont="1" applyFill="1" applyBorder="1" applyAlignment="1">
      <alignment horizontal="center" vertical="center" wrapText="1"/>
    </xf>
    <xf numFmtId="49" fontId="8" fillId="0" borderId="78" xfId="0" applyNumberFormat="1" applyFont="1" applyFill="1" applyBorder="1" applyAlignment="1">
      <alignment horizontal="center" vertical="center"/>
    </xf>
    <xf numFmtId="49" fontId="8" fillId="0" borderId="33" xfId="0" applyNumberFormat="1" applyFont="1" applyFill="1" applyBorder="1" applyAlignment="1">
      <alignment horizontal="center" vertical="center"/>
    </xf>
    <xf numFmtId="49" fontId="8" fillId="0" borderId="7" xfId="0" applyNumberFormat="1" applyFont="1" applyFill="1" applyBorder="1" applyAlignment="1">
      <alignment horizontal="center" vertical="center"/>
    </xf>
    <xf numFmtId="49" fontId="26" fillId="0" borderId="0" xfId="0" applyNumberFormat="1" applyFont="1" applyFill="1" applyAlignment="1">
      <alignment horizontal="right" vertical="center"/>
    </xf>
    <xf numFmtId="49" fontId="8" fillId="0" borderId="32" xfId="0" applyNumberFormat="1" applyFont="1" applyFill="1" applyBorder="1" applyAlignment="1">
      <alignment horizontal="left" vertical="center" wrapText="1"/>
    </xf>
    <xf numFmtId="49" fontId="8" fillId="0" borderId="0" xfId="0" applyNumberFormat="1" applyFont="1" applyFill="1" applyBorder="1" applyAlignment="1">
      <alignment horizontal="left" vertical="center" wrapText="1"/>
    </xf>
    <xf numFmtId="49" fontId="1" fillId="0" borderId="78" xfId="0" applyNumberFormat="1" applyFont="1" applyFill="1" applyBorder="1" applyAlignment="1">
      <alignment horizontal="center" vertical="center"/>
    </xf>
    <xf numFmtId="49" fontId="1" fillId="0" borderId="7" xfId="0" applyNumberFormat="1" applyFont="1" applyFill="1" applyBorder="1" applyAlignment="1">
      <alignment horizontal="center" vertical="center"/>
    </xf>
    <xf numFmtId="49" fontId="1" fillId="0" borderId="78" xfId="0" applyNumberFormat="1" applyFont="1" applyFill="1" applyBorder="1" applyAlignment="1" applyProtection="1">
      <alignment horizontal="center" vertical="center" wrapText="1"/>
      <protection locked="0"/>
    </xf>
    <xf numFmtId="49" fontId="1" fillId="0" borderId="7" xfId="0" applyNumberFormat="1" applyFont="1" applyFill="1" applyBorder="1" applyAlignment="1" applyProtection="1">
      <alignment horizontal="center" vertical="center" wrapText="1"/>
      <protection locked="0"/>
    </xf>
    <xf numFmtId="49" fontId="1" fillId="0" borderId="33" xfId="0" applyNumberFormat="1" applyFont="1" applyFill="1" applyBorder="1" applyAlignment="1">
      <alignment horizontal="center" vertical="center"/>
    </xf>
    <xf numFmtId="49" fontId="1" fillId="2" borderId="78" xfId="0" applyNumberFormat="1" applyFont="1" applyFill="1" applyBorder="1" applyAlignment="1" applyProtection="1">
      <alignment horizontal="center" vertical="center" wrapText="1"/>
      <protection locked="0"/>
    </xf>
    <xf numFmtId="49" fontId="1" fillId="2" borderId="33" xfId="0" applyNumberFormat="1" applyFont="1" applyFill="1" applyBorder="1" applyAlignment="1" applyProtection="1">
      <alignment horizontal="center" vertical="center" wrapText="1"/>
      <protection locked="0"/>
    </xf>
    <xf numFmtId="49" fontId="1" fillId="2" borderId="7" xfId="0" applyNumberFormat="1" applyFont="1" applyFill="1" applyBorder="1" applyAlignment="1" applyProtection="1">
      <alignment horizontal="center" vertical="center" wrapText="1"/>
      <protection locked="0"/>
    </xf>
    <xf numFmtId="49" fontId="1" fillId="2" borderId="3" xfId="0" applyNumberFormat="1" applyFont="1" applyFill="1" applyBorder="1" applyAlignment="1">
      <alignment horizontal="center" vertical="center"/>
    </xf>
    <xf numFmtId="49" fontId="1" fillId="2" borderId="19" xfId="0" applyNumberFormat="1" applyFont="1" applyFill="1" applyBorder="1" applyAlignment="1">
      <alignment horizontal="center" vertical="center"/>
    </xf>
    <xf numFmtId="49" fontId="1" fillId="2" borderId="20" xfId="0" applyNumberFormat="1" applyFont="1" applyFill="1" applyBorder="1" applyAlignment="1">
      <alignment horizontal="center" vertical="center"/>
    </xf>
    <xf numFmtId="49" fontId="1" fillId="0" borderId="78" xfId="0" applyNumberFormat="1" applyFont="1" applyFill="1" applyBorder="1" applyAlignment="1">
      <alignment vertical="center" wrapText="1"/>
    </xf>
    <xf numFmtId="49" fontId="1" fillId="0" borderId="7" xfId="0" applyNumberFormat="1" applyFont="1" applyFill="1" applyBorder="1" applyAlignment="1">
      <alignment vertical="center" wrapText="1"/>
    </xf>
    <xf numFmtId="49" fontId="0" fillId="0" borderId="21" xfId="0" applyNumberFormat="1" applyBorder="1" applyAlignment="1">
      <alignment horizontal="center" vertical="center"/>
    </xf>
    <xf numFmtId="49" fontId="0" fillId="0" borderId="24" xfId="0" applyNumberFormat="1" applyBorder="1" applyAlignment="1">
      <alignment horizontal="center" vertical="center"/>
    </xf>
    <xf numFmtId="49" fontId="0" fillId="0" borderId="30" xfId="0" applyNumberFormat="1" applyBorder="1" applyAlignment="1">
      <alignment horizontal="center" vertical="center"/>
    </xf>
    <xf numFmtId="49" fontId="0" fillId="0" borderId="22" xfId="0" applyNumberFormat="1" applyBorder="1" applyAlignment="1">
      <alignment horizontal="center" vertical="center"/>
    </xf>
    <xf numFmtId="49" fontId="0" fillId="0" borderId="25" xfId="0" applyNumberFormat="1" applyBorder="1" applyAlignment="1">
      <alignment horizontal="center" vertical="center"/>
    </xf>
    <xf numFmtId="49" fontId="0" fillId="0" borderId="5" xfId="0" applyNumberFormat="1" applyBorder="1" applyAlignment="1">
      <alignment horizontal="center" vertical="center"/>
    </xf>
    <xf numFmtId="49" fontId="0" fillId="0" borderId="72" xfId="0" applyNumberFormat="1" applyBorder="1" applyAlignment="1">
      <alignment horizontal="center" vertical="center"/>
    </xf>
    <xf numFmtId="49" fontId="0" fillId="0" borderId="31" xfId="0" applyNumberFormat="1" applyBorder="1" applyAlignment="1">
      <alignment horizontal="center" vertical="center"/>
    </xf>
    <xf numFmtId="49" fontId="0" fillId="0" borderId="53" xfId="0" applyNumberFormat="1" applyBorder="1" applyAlignment="1">
      <alignment horizontal="center" vertical="center"/>
    </xf>
    <xf numFmtId="49" fontId="1" fillId="0" borderId="22" xfId="0" applyNumberFormat="1" applyFont="1" applyFill="1" applyBorder="1" applyAlignment="1" applyProtection="1">
      <alignment vertical="center" wrapText="1"/>
    </xf>
    <xf numFmtId="49" fontId="1" fillId="0" borderId="5" xfId="0" applyNumberFormat="1" applyFont="1" applyFill="1" applyBorder="1" applyAlignment="1" applyProtection="1">
      <alignment vertical="center" wrapText="1"/>
    </xf>
    <xf numFmtId="49" fontId="6" fillId="0" borderId="2" xfId="0" applyNumberFormat="1" applyFont="1" applyFill="1" applyBorder="1" applyAlignment="1">
      <alignment horizontal="center" vertical="center" wrapText="1"/>
    </xf>
    <xf numFmtId="49" fontId="0" fillId="0" borderId="104" xfId="0" applyNumberFormat="1" applyBorder="1" applyAlignment="1">
      <alignment horizontal="center" vertical="center" wrapText="1"/>
    </xf>
    <xf numFmtId="49" fontId="6" fillId="0" borderId="78" xfId="0" applyNumberFormat="1" applyFont="1" applyFill="1" applyBorder="1" applyAlignment="1">
      <alignment horizontal="center" vertical="center" wrapText="1"/>
    </xf>
    <xf numFmtId="49" fontId="0" fillId="0" borderId="7" xfId="0" applyNumberFormat="1" applyBorder="1" applyAlignment="1">
      <alignment vertical="center" wrapText="1"/>
    </xf>
    <xf numFmtId="49" fontId="17" fillId="0" borderId="21" xfId="0" applyNumberFormat="1" applyFont="1" applyFill="1" applyBorder="1" applyAlignment="1" applyProtection="1">
      <alignment vertical="center" wrapText="1"/>
      <protection locked="0"/>
    </xf>
    <xf numFmtId="49" fontId="17" fillId="0" borderId="30" xfId="0" applyNumberFormat="1" applyFont="1" applyFill="1" applyBorder="1" applyAlignment="1" applyProtection="1">
      <alignment vertical="center" wrapText="1"/>
      <protection locked="0"/>
    </xf>
    <xf numFmtId="49" fontId="17" fillId="0" borderId="22" xfId="0" applyNumberFormat="1" applyFont="1" applyFill="1" applyBorder="1" applyAlignment="1" applyProtection="1">
      <alignment vertical="center" wrapText="1"/>
    </xf>
    <xf numFmtId="49" fontId="17" fillId="0" borderId="5" xfId="0" applyNumberFormat="1" applyFont="1" applyFill="1" applyBorder="1" applyAlignment="1" applyProtection="1">
      <alignment vertical="center" wrapText="1"/>
    </xf>
    <xf numFmtId="49" fontId="1" fillId="0" borderId="72" xfId="0" applyNumberFormat="1" applyFont="1" applyFill="1" applyBorder="1" applyAlignment="1" applyProtection="1">
      <alignment vertical="center" wrapText="1"/>
    </xf>
    <xf numFmtId="49" fontId="1" fillId="0" borderId="53" xfId="0" applyNumberFormat="1" applyFont="1" applyFill="1" applyBorder="1" applyAlignment="1" applyProtection="1">
      <alignment vertical="center" wrapText="1"/>
    </xf>
    <xf numFmtId="49" fontId="0" fillId="0" borderId="78" xfId="0" applyNumberFormat="1" applyFill="1" applyBorder="1" applyAlignment="1">
      <alignment horizontal="center" vertical="center"/>
    </xf>
    <xf numFmtId="49" fontId="34" fillId="0" borderId="3" xfId="0" applyNumberFormat="1" applyFont="1" applyBorder="1" applyAlignment="1">
      <alignment horizontal="center" vertical="center"/>
    </xf>
    <xf numFmtId="49" fontId="9" fillId="0" borderId="105" xfId="0" applyNumberFormat="1" applyFont="1" applyBorder="1" applyAlignment="1">
      <alignment horizontal="center" vertical="center"/>
    </xf>
    <xf numFmtId="49" fontId="6" fillId="0" borderId="32" xfId="0" applyNumberFormat="1" applyFont="1" applyFill="1" applyBorder="1" applyAlignment="1">
      <alignment horizontal="center" vertical="center"/>
    </xf>
    <xf numFmtId="49" fontId="0" fillId="0" borderId="32" xfId="0" applyNumberFormat="1" applyBorder="1" applyAlignment="1">
      <alignment horizontal="center" vertical="center"/>
    </xf>
    <xf numFmtId="49" fontId="0" fillId="0" borderId="69" xfId="0" applyNumberFormat="1" applyBorder="1" applyAlignment="1">
      <alignment horizontal="center" vertical="center"/>
    </xf>
    <xf numFmtId="49" fontId="0" fillId="0" borderId="19" xfId="0" applyNumberFormat="1" applyBorder="1" applyAlignment="1">
      <alignment horizontal="center" vertical="center"/>
    </xf>
    <xf numFmtId="49" fontId="0" fillId="0" borderId="20" xfId="0" applyNumberFormat="1" applyBorder="1" applyAlignment="1">
      <alignment horizontal="center" vertical="center"/>
    </xf>
    <xf numFmtId="49" fontId="1" fillId="0" borderId="2" xfId="0" applyNumberFormat="1" applyFont="1" applyFill="1" applyBorder="1" applyAlignment="1">
      <alignment vertical="center"/>
    </xf>
    <xf numFmtId="49" fontId="0" fillId="0" borderId="32" xfId="0" applyNumberFormat="1" applyBorder="1" applyAlignment="1">
      <alignment vertical="center"/>
    </xf>
    <xf numFmtId="49" fontId="0" fillId="0" borderId="69" xfId="0" applyNumberFormat="1" applyBorder="1" applyAlignment="1">
      <alignment vertical="center"/>
    </xf>
    <xf numFmtId="49" fontId="0" fillId="0" borderId="3" xfId="0" applyNumberFormat="1" applyBorder="1" applyAlignment="1">
      <alignment vertical="center"/>
    </xf>
    <xf numFmtId="49" fontId="0" fillId="0" borderId="19" xfId="0" applyNumberFormat="1" applyBorder="1" applyAlignment="1">
      <alignment vertical="center"/>
    </xf>
    <xf numFmtId="49" fontId="0" fillId="0" borderId="20" xfId="0" applyNumberFormat="1" applyBorder="1" applyAlignment="1">
      <alignment vertical="center"/>
    </xf>
    <xf numFmtId="49" fontId="6" fillId="0" borderId="78" xfId="0" applyNumberFormat="1" applyFont="1" applyFill="1" applyBorder="1" applyAlignment="1">
      <alignment horizontal="center" vertical="center"/>
    </xf>
    <xf numFmtId="49" fontId="6" fillId="0" borderId="33" xfId="0" applyNumberFormat="1" applyFont="1" applyFill="1" applyBorder="1" applyAlignment="1">
      <alignment horizontal="center" vertical="center"/>
    </xf>
    <xf numFmtId="49" fontId="6" fillId="0" borderId="7" xfId="0" applyNumberFormat="1" applyFont="1" applyFill="1" applyBorder="1" applyAlignment="1">
      <alignment horizontal="center" vertical="center"/>
    </xf>
    <xf numFmtId="49" fontId="6" fillId="0" borderId="7" xfId="0" applyNumberFormat="1" applyFont="1" applyFill="1" applyBorder="1" applyAlignment="1">
      <alignment horizontal="center" vertical="center" wrapText="1"/>
    </xf>
    <xf numFmtId="49" fontId="6" fillId="0" borderId="104" xfId="0" applyNumberFormat="1" applyFont="1" applyFill="1" applyBorder="1" applyAlignment="1">
      <alignment horizontal="center" vertical="center"/>
    </xf>
    <xf numFmtId="49" fontId="34" fillId="0" borderId="3" xfId="0" applyNumberFormat="1" applyFont="1" applyFill="1" applyBorder="1" applyAlignment="1">
      <alignment horizontal="center" vertical="center" wrapText="1"/>
    </xf>
    <xf numFmtId="49" fontId="1" fillId="0" borderId="22" xfId="0" applyNumberFormat="1" applyFont="1" applyFill="1" applyBorder="1" applyAlignment="1" applyProtection="1">
      <alignment vertical="center" wrapText="1"/>
      <protection locked="0"/>
    </xf>
    <xf numFmtId="49" fontId="1" fillId="0" borderId="5" xfId="0" applyNumberFormat="1" applyFont="1" applyFill="1" applyBorder="1" applyAlignment="1" applyProtection="1">
      <alignment vertical="center" wrapText="1"/>
      <protection locked="0"/>
    </xf>
    <xf numFmtId="49" fontId="6" fillId="0" borderId="78" xfId="0" applyNumberFormat="1" applyFont="1" applyFill="1" applyBorder="1" applyAlignment="1">
      <alignment horizontal="center" vertical="center" wrapText="1" shrinkToFit="1"/>
    </xf>
    <xf numFmtId="49" fontId="6" fillId="0" borderId="7" xfId="0" applyNumberFormat="1" applyFont="1" applyFill="1" applyBorder="1" applyAlignment="1">
      <alignment horizontal="center" vertical="center" shrinkToFit="1"/>
    </xf>
    <xf numFmtId="49" fontId="1" fillId="0" borderId="72" xfId="0" applyNumberFormat="1" applyFont="1" applyFill="1" applyBorder="1" applyAlignment="1" applyProtection="1">
      <alignment vertical="center" wrapText="1"/>
      <protection locked="0"/>
    </xf>
    <xf numFmtId="49" fontId="1" fillId="0" borderId="53" xfId="0" applyNumberFormat="1" applyFont="1" applyFill="1" applyBorder="1" applyAlignment="1" applyProtection="1">
      <alignment vertical="center" wrapText="1"/>
      <protection locked="0"/>
    </xf>
    <xf numFmtId="49" fontId="5" fillId="2" borderId="78" xfId="0" applyNumberFormat="1" applyFont="1" applyFill="1" applyBorder="1" applyAlignment="1" applyProtection="1">
      <alignment horizontal="center" vertical="center"/>
      <protection hidden="1"/>
    </xf>
    <xf numFmtId="49" fontId="5" fillId="2" borderId="33" xfId="0" applyNumberFormat="1" applyFont="1" applyFill="1" applyBorder="1" applyAlignment="1" applyProtection="1">
      <alignment horizontal="center" vertical="center"/>
      <protection hidden="1"/>
    </xf>
    <xf numFmtId="49" fontId="5" fillId="2" borderId="7" xfId="0" applyNumberFormat="1" applyFont="1" applyFill="1" applyBorder="1" applyAlignment="1" applyProtection="1">
      <alignment horizontal="center" vertical="center"/>
      <protection hidden="1"/>
    </xf>
    <xf numFmtId="49" fontId="8" fillId="0" borderId="2" xfId="0" applyNumberFormat="1" applyFont="1" applyFill="1" applyBorder="1" applyAlignment="1">
      <alignment horizontal="left" vertical="center" wrapText="1"/>
    </xf>
    <xf numFmtId="49" fontId="8" fillId="0" borderId="17" xfId="0" applyNumberFormat="1" applyFont="1" applyFill="1" applyBorder="1" applyAlignment="1">
      <alignment horizontal="left" vertical="center" wrapText="1"/>
    </xf>
    <xf numFmtId="49" fontId="6" fillId="0" borderId="33" xfId="0" applyNumberFormat="1" applyFont="1" applyFill="1" applyBorder="1" applyAlignment="1">
      <alignment horizontal="left" vertical="center" wrapText="1"/>
    </xf>
    <xf numFmtId="49" fontId="6" fillId="0" borderId="7" xfId="0" applyNumberFormat="1" applyFont="1" applyFill="1" applyBorder="1" applyAlignment="1">
      <alignment horizontal="left" vertical="center" wrapText="1"/>
    </xf>
    <xf numFmtId="49" fontId="1" fillId="0" borderId="22" xfId="0" applyNumberFormat="1" applyFont="1" applyFill="1" applyBorder="1" applyAlignment="1" applyProtection="1">
      <alignment horizontal="center" vertical="center" wrapText="1"/>
      <protection locked="0"/>
    </xf>
    <xf numFmtId="49" fontId="1" fillId="0" borderId="5" xfId="0" applyNumberFormat="1" applyFont="1" applyFill="1" applyBorder="1" applyAlignment="1" applyProtection="1">
      <alignment horizontal="center" vertical="center" wrapText="1"/>
      <protection locked="0"/>
    </xf>
    <xf numFmtId="49" fontId="1" fillId="0" borderId="2" xfId="0" applyNumberFormat="1" applyFont="1" applyFill="1" applyBorder="1" applyAlignment="1">
      <alignment horizontal="left" vertical="center"/>
    </xf>
    <xf numFmtId="49" fontId="1" fillId="0" borderId="32" xfId="0" applyNumberFormat="1" applyFont="1" applyFill="1" applyBorder="1" applyAlignment="1">
      <alignment horizontal="left" vertical="center"/>
    </xf>
    <xf numFmtId="49" fontId="1" fillId="0" borderId="69" xfId="0" applyNumberFormat="1" applyFont="1" applyFill="1" applyBorder="1" applyAlignment="1">
      <alignment horizontal="left" vertical="center"/>
    </xf>
    <xf numFmtId="49" fontId="1" fillId="0" borderId="17" xfId="0" applyNumberFormat="1" applyFont="1" applyFill="1" applyBorder="1" applyAlignment="1">
      <alignment horizontal="left" vertical="center"/>
    </xf>
    <xf numFmtId="49" fontId="1" fillId="0" borderId="0" xfId="0" applyNumberFormat="1" applyFont="1" applyFill="1" applyBorder="1" applyAlignment="1">
      <alignment horizontal="left" vertical="center"/>
    </xf>
    <xf numFmtId="49" fontId="1" fillId="0" borderId="18" xfId="0" applyNumberFormat="1" applyFont="1" applyFill="1" applyBorder="1" applyAlignment="1">
      <alignment horizontal="left" vertical="center"/>
    </xf>
    <xf numFmtId="49" fontId="0" fillId="0" borderId="3" xfId="0" applyNumberFormat="1" applyBorder="1" applyAlignment="1">
      <alignment horizontal="left" vertical="center"/>
    </xf>
    <xf numFmtId="49" fontId="0" fillId="0" borderId="19" xfId="0" applyNumberFormat="1" applyBorder="1" applyAlignment="1">
      <alignment horizontal="left" vertical="center"/>
    </xf>
    <xf numFmtId="49" fontId="0" fillId="0" borderId="20" xfId="0" applyNumberFormat="1" applyBorder="1" applyAlignment="1">
      <alignment horizontal="left" vertical="center"/>
    </xf>
    <xf numFmtId="49" fontId="6" fillId="0" borderId="2" xfId="0" applyNumberFormat="1" applyFont="1" applyFill="1" applyBorder="1" applyAlignment="1">
      <alignment horizontal="center" vertical="center"/>
    </xf>
    <xf numFmtId="49" fontId="0" fillId="0" borderId="104" xfId="0" applyNumberFormat="1" applyBorder="1" applyAlignment="1">
      <alignment vertical="center"/>
    </xf>
    <xf numFmtId="49" fontId="17" fillId="0" borderId="112" xfId="0" applyNumberFormat="1" applyFont="1" applyFill="1" applyBorder="1" applyAlignment="1">
      <alignment vertical="center"/>
    </xf>
    <xf numFmtId="49" fontId="17" fillId="0" borderId="33" xfId="0" applyNumberFormat="1" applyFont="1" applyFill="1" applyBorder="1" applyAlignment="1">
      <alignment vertical="center"/>
    </xf>
    <xf numFmtId="49" fontId="17" fillId="0" borderId="7" xfId="0" applyNumberFormat="1" applyFont="1" applyFill="1" applyBorder="1" applyAlignment="1">
      <alignment vertical="center"/>
    </xf>
    <xf numFmtId="49" fontId="6" fillId="0" borderId="69" xfId="0" applyNumberFormat="1" applyFont="1" applyFill="1" applyBorder="1" applyAlignment="1">
      <alignment horizontal="center" vertical="center"/>
    </xf>
    <xf numFmtId="49" fontId="0" fillId="0" borderId="105" xfId="0" applyNumberFormat="1" applyBorder="1" applyAlignment="1">
      <alignment horizontal="center" vertical="center"/>
    </xf>
    <xf numFmtId="49" fontId="8" fillId="0" borderId="78" xfId="0" applyNumberFormat="1" applyFont="1" applyFill="1" applyBorder="1" applyAlignment="1">
      <alignment horizontal="center" vertical="center" wrapText="1"/>
    </xf>
    <xf numFmtId="49" fontId="8" fillId="0" borderId="7" xfId="0" applyNumberFormat="1" applyFont="1" applyFill="1" applyBorder="1" applyAlignment="1">
      <alignment horizontal="center" vertical="center" wrapText="1"/>
    </xf>
    <xf numFmtId="49" fontId="7" fillId="0" borderId="78" xfId="0" applyNumberFormat="1" applyFont="1" applyFill="1" applyBorder="1" applyAlignment="1">
      <alignment horizontal="center" vertical="center" wrapText="1"/>
    </xf>
    <xf numFmtId="49" fontId="7" fillId="0" borderId="7" xfId="0" applyNumberFormat="1" applyFont="1" applyFill="1" applyBorder="1" applyAlignment="1">
      <alignment horizontal="center" vertical="center" wrapText="1"/>
    </xf>
    <xf numFmtId="49" fontId="20" fillId="0" borderId="21" xfId="0" applyNumberFormat="1" applyFont="1" applyFill="1" applyBorder="1" applyAlignment="1" applyProtection="1">
      <alignment vertical="center" wrapText="1"/>
      <protection locked="0"/>
    </xf>
    <xf numFmtId="49" fontId="20" fillId="0" borderId="30" xfId="0" applyNumberFormat="1" applyFont="1" applyFill="1" applyBorder="1" applyAlignment="1" applyProtection="1">
      <alignment vertical="center" wrapText="1"/>
      <protection locked="0"/>
    </xf>
    <xf numFmtId="49" fontId="1" fillId="0" borderId="2" xfId="0" applyNumberFormat="1" applyFont="1" applyFill="1" applyBorder="1" applyAlignment="1">
      <alignment horizontal="left" vertical="center" wrapText="1"/>
    </xf>
    <xf numFmtId="49" fontId="1" fillId="0" borderId="32" xfId="0" applyNumberFormat="1" applyFont="1" applyFill="1" applyBorder="1" applyAlignment="1">
      <alignment horizontal="left" vertical="center" wrapText="1"/>
    </xf>
    <xf numFmtId="49" fontId="1" fillId="0" borderId="69" xfId="0" applyNumberFormat="1" applyFont="1" applyFill="1" applyBorder="1" applyAlignment="1">
      <alignment horizontal="left" vertical="center" wrapText="1"/>
    </xf>
    <xf numFmtId="49" fontId="1" fillId="0" borderId="17" xfId="0" applyNumberFormat="1" applyFont="1" applyFill="1" applyBorder="1" applyAlignment="1">
      <alignment horizontal="left" vertical="center" wrapText="1"/>
    </xf>
    <xf numFmtId="49" fontId="1" fillId="0" borderId="0" xfId="0" applyNumberFormat="1" applyFont="1" applyFill="1" applyBorder="1" applyAlignment="1">
      <alignment horizontal="left" vertical="center" wrapText="1"/>
    </xf>
    <xf numFmtId="49" fontId="1" fillId="0" borderId="18" xfId="0" applyNumberFormat="1" applyFont="1" applyFill="1" applyBorder="1" applyAlignment="1">
      <alignment horizontal="left" vertical="center" wrapText="1"/>
    </xf>
    <xf numFmtId="49" fontId="0" fillId="0" borderId="3" xfId="0" applyNumberFormat="1" applyBorder="1" applyAlignment="1">
      <alignment horizontal="left" vertical="center" wrapText="1"/>
    </xf>
    <xf numFmtId="49" fontId="0" fillId="0" borderId="19" xfId="0" applyNumberFormat="1" applyBorder="1" applyAlignment="1">
      <alignment horizontal="left" vertical="center" wrapText="1"/>
    </xf>
    <xf numFmtId="49" fontId="0" fillId="0" borderId="20" xfId="0" applyNumberFormat="1" applyBorder="1" applyAlignment="1">
      <alignment horizontal="left" vertical="center" wrapText="1"/>
    </xf>
    <xf numFmtId="49" fontId="9" fillId="0" borderId="105" xfId="0" applyNumberFormat="1" applyFont="1" applyBorder="1" applyAlignment="1">
      <alignment vertical="center"/>
    </xf>
    <xf numFmtId="49" fontId="6" fillId="0" borderId="96" xfId="0" applyNumberFormat="1" applyFont="1" applyFill="1" applyBorder="1" applyAlignment="1">
      <alignment horizontal="center" vertical="center"/>
    </xf>
    <xf numFmtId="49" fontId="0" fillId="0" borderId="104" xfId="0" applyNumberFormat="1" applyBorder="1">
      <alignment vertical="center"/>
    </xf>
    <xf numFmtId="49" fontId="20" fillId="0" borderId="112" xfId="0" applyNumberFormat="1" applyFont="1" applyFill="1" applyBorder="1" applyAlignment="1">
      <alignment vertical="center"/>
    </xf>
    <xf numFmtId="49" fontId="20" fillId="0" borderId="33" xfId="0" applyNumberFormat="1" applyFont="1" applyFill="1" applyBorder="1" applyAlignment="1">
      <alignment vertical="center"/>
    </xf>
    <xf numFmtId="49" fontId="20" fillId="0" borderId="7" xfId="0" applyNumberFormat="1" applyFont="1" applyFill="1" applyBorder="1" applyAlignment="1">
      <alignment vertical="center"/>
    </xf>
    <xf numFmtId="49" fontId="6" fillId="0" borderId="19" xfId="0" applyNumberFormat="1" applyFont="1" applyFill="1" applyBorder="1" applyAlignment="1">
      <alignment horizontal="distributed" vertical="center"/>
    </xf>
    <xf numFmtId="49" fontId="6" fillId="0" borderId="19" xfId="0" applyNumberFormat="1" applyFont="1" applyFill="1" applyBorder="1" applyAlignment="1">
      <alignment horizontal="center" vertical="center"/>
    </xf>
    <xf numFmtId="49" fontId="6" fillId="0" borderId="20" xfId="0" applyNumberFormat="1" applyFont="1" applyFill="1" applyBorder="1" applyAlignment="1">
      <alignment horizontal="center" vertical="center"/>
    </xf>
    <xf numFmtId="49" fontId="6" fillId="0" borderId="3" xfId="0" applyNumberFormat="1" applyFont="1" applyFill="1" applyBorder="1" applyAlignment="1">
      <alignment horizontal="center" vertical="center"/>
    </xf>
    <xf numFmtId="49" fontId="6" fillId="0" borderId="25" xfId="0" applyNumberFormat="1" applyFont="1" applyFill="1" applyBorder="1" applyAlignment="1">
      <alignment horizontal="distributed" vertical="center"/>
    </xf>
    <xf numFmtId="49" fontId="6" fillId="0" borderId="26" xfId="0" applyNumberFormat="1" applyFont="1" applyFill="1" applyBorder="1" applyAlignment="1">
      <alignment horizontal="distributed" vertical="center" wrapText="1"/>
    </xf>
    <xf numFmtId="49" fontId="6" fillId="0" borderId="26" xfId="0" applyNumberFormat="1" applyFont="1" applyFill="1" applyBorder="1" applyAlignment="1">
      <alignment horizontal="distributed" vertical="center"/>
    </xf>
    <xf numFmtId="49" fontId="6" fillId="0" borderId="31" xfId="0" applyNumberFormat="1" applyFont="1" applyFill="1" applyBorder="1" applyAlignment="1">
      <alignment horizontal="distributed" vertical="center"/>
    </xf>
    <xf numFmtId="49" fontId="6" fillId="0" borderId="2" xfId="0" applyNumberFormat="1" applyFont="1" applyFill="1" applyBorder="1" applyAlignment="1">
      <alignment horizontal="center" vertical="distributed" textRotation="255" justifyLastLine="1"/>
    </xf>
    <xf numFmtId="49" fontId="6" fillId="0" borderId="17" xfId="0" applyNumberFormat="1" applyFont="1" applyFill="1" applyBorder="1" applyAlignment="1">
      <alignment horizontal="center" vertical="distributed" textRotation="255" justifyLastLine="1"/>
    </xf>
    <xf numFmtId="49" fontId="6" fillId="0" borderId="3" xfId="0" applyNumberFormat="1" applyFont="1" applyFill="1" applyBorder="1" applyAlignment="1">
      <alignment horizontal="center" vertical="distributed" textRotation="255" justifyLastLine="1"/>
    </xf>
    <xf numFmtId="49" fontId="6" fillId="0" borderId="24" xfId="0" applyNumberFormat="1" applyFont="1" applyFill="1" applyBorder="1" applyAlignment="1">
      <alignment horizontal="distributed" vertical="center"/>
    </xf>
    <xf numFmtId="49" fontId="8" fillId="0" borderId="33" xfId="0" applyNumberFormat="1" applyFont="1" applyFill="1" applyBorder="1" applyAlignment="1">
      <alignment horizontal="center" vertical="center" wrapText="1"/>
    </xf>
    <xf numFmtId="49" fontId="6" fillId="0" borderId="1" xfId="0" applyNumberFormat="1" applyFont="1" applyFill="1" applyBorder="1" applyAlignment="1">
      <alignment horizontal="distributed" vertical="center"/>
    </xf>
    <xf numFmtId="49" fontId="9" fillId="0" borderId="0" xfId="0" applyNumberFormat="1" applyFont="1" applyAlignment="1">
      <alignment horizontal="left" vertical="center"/>
    </xf>
    <xf numFmtId="49" fontId="9" fillId="0" borderId="19" xfId="0" applyNumberFormat="1" applyFont="1" applyBorder="1" applyAlignment="1">
      <alignment horizontal="left" vertical="center"/>
    </xf>
    <xf numFmtId="49" fontId="1" fillId="0" borderId="2" xfId="0" applyNumberFormat="1" applyFont="1" applyFill="1" applyBorder="1" applyAlignment="1">
      <alignment horizontal="distributed" vertical="center" justifyLastLine="1"/>
    </xf>
    <xf numFmtId="49" fontId="1" fillId="0" borderId="104" xfId="0" applyNumberFormat="1" applyFont="1" applyFill="1" applyBorder="1" applyAlignment="1">
      <alignment horizontal="distributed" vertical="center" justifyLastLine="1"/>
    </xf>
    <xf numFmtId="49" fontId="8" fillId="0" borderId="32" xfId="0" applyNumberFormat="1" applyFont="1" applyFill="1" applyBorder="1" applyAlignment="1">
      <alignment horizontal="center" vertical="center"/>
    </xf>
    <xf numFmtId="49" fontId="8" fillId="0" borderId="69" xfId="0" applyNumberFormat="1" applyFont="1" applyFill="1" applyBorder="1" applyAlignment="1">
      <alignment horizontal="center" vertical="center"/>
    </xf>
    <xf numFmtId="49" fontId="34" fillId="0" borderId="3" xfId="0" applyNumberFormat="1" applyFont="1" applyFill="1" applyBorder="1" applyAlignment="1">
      <alignment horizontal="distributed" justifyLastLine="1"/>
    </xf>
    <xf numFmtId="49" fontId="0" fillId="0" borderId="105" xfId="0" applyNumberFormat="1" applyBorder="1" applyAlignment="1"/>
    <xf numFmtId="49" fontId="6" fillId="0" borderId="3" xfId="0" applyNumberFormat="1" applyFont="1" applyFill="1" applyBorder="1" applyAlignment="1">
      <alignment horizontal="center" vertical="center" wrapText="1"/>
    </xf>
    <xf numFmtId="49" fontId="6" fillId="0" borderId="19" xfId="0" applyNumberFormat="1" applyFont="1" applyFill="1" applyBorder="1" applyAlignment="1">
      <alignment horizontal="center" vertical="center" wrapText="1"/>
    </xf>
    <xf numFmtId="49" fontId="0" fillId="0" borderId="17" xfId="0" applyNumberFormat="1" applyBorder="1" applyAlignment="1">
      <alignment vertical="center"/>
    </xf>
    <xf numFmtId="49" fontId="0" fillId="0" borderId="0" xfId="0" applyNumberFormat="1" applyAlignment="1">
      <alignment vertical="center"/>
    </xf>
    <xf numFmtId="49" fontId="6" fillId="0" borderId="99" xfId="0" applyNumberFormat="1" applyFont="1" applyFill="1" applyBorder="1" applyAlignment="1">
      <alignment horizontal="center" vertical="center"/>
    </xf>
    <xf numFmtId="49" fontId="6" fillId="0" borderId="24" xfId="0" applyNumberFormat="1" applyFont="1" applyFill="1" applyBorder="1" applyAlignment="1">
      <alignment horizontal="center" vertical="center"/>
    </xf>
    <xf numFmtId="49" fontId="6" fillId="0" borderId="100" xfId="0" applyNumberFormat="1" applyFont="1" applyFill="1" applyBorder="1" applyAlignment="1">
      <alignment horizontal="center" vertical="center"/>
    </xf>
    <xf numFmtId="49" fontId="0" fillId="0" borderId="30" xfId="0" applyNumberFormat="1" applyFont="1" applyBorder="1" applyAlignment="1">
      <alignment horizontal="center" vertical="center"/>
    </xf>
    <xf numFmtId="49" fontId="6" fillId="0" borderId="63" xfId="0" applyNumberFormat="1" applyFont="1" applyFill="1" applyBorder="1" applyAlignment="1">
      <alignment horizontal="left" vertical="center" wrapText="1"/>
    </xf>
    <xf numFmtId="49" fontId="6" fillId="0" borderId="26" xfId="0" applyNumberFormat="1" applyFont="1" applyFill="1" applyBorder="1" applyAlignment="1">
      <alignment horizontal="left" vertical="center"/>
    </xf>
    <xf numFmtId="49" fontId="6" fillId="0" borderId="101" xfId="0" applyNumberFormat="1" applyFont="1" applyFill="1" applyBorder="1" applyAlignment="1">
      <alignment horizontal="left" vertical="center"/>
    </xf>
    <xf numFmtId="49" fontId="6" fillId="0" borderId="102" xfId="0" applyNumberFormat="1" applyFont="1" applyFill="1" applyBorder="1" applyAlignment="1">
      <alignment horizontal="left" vertical="center"/>
    </xf>
    <xf numFmtId="49" fontId="6" fillId="0" borderId="19" xfId="0" applyNumberFormat="1" applyFont="1" applyFill="1" applyBorder="1" applyAlignment="1">
      <alignment horizontal="left" vertical="center"/>
    </xf>
    <xf numFmtId="49" fontId="6" fillId="0" borderId="103" xfId="0" applyNumberFormat="1" applyFont="1" applyFill="1" applyBorder="1" applyAlignment="1">
      <alignment horizontal="left" vertical="center"/>
    </xf>
    <xf numFmtId="49" fontId="36" fillId="0" borderId="0" xfId="0" applyNumberFormat="1" applyFont="1" applyBorder="1" applyAlignment="1">
      <alignment horizontal="center" vertical="center"/>
    </xf>
    <xf numFmtId="49" fontId="36" fillId="0" borderId="18" xfId="0" applyNumberFormat="1" applyFont="1" applyBorder="1" applyAlignment="1">
      <alignment horizontal="center" vertical="center"/>
    </xf>
    <xf numFmtId="49" fontId="36" fillId="0" borderId="19" xfId="0" applyNumberFormat="1" applyFont="1" applyBorder="1" applyAlignment="1">
      <alignment horizontal="center" vertical="center"/>
    </xf>
    <xf numFmtId="49" fontId="36" fillId="0" borderId="20" xfId="0" applyNumberFormat="1" applyFont="1" applyBorder="1" applyAlignment="1">
      <alignment horizontal="center" vertical="center"/>
    </xf>
    <xf numFmtId="49" fontId="17" fillId="0" borderId="24" xfId="0" applyNumberFormat="1" applyFont="1" applyBorder="1" applyAlignment="1">
      <alignment vertical="center" wrapText="1"/>
    </xf>
    <xf numFmtId="49" fontId="17" fillId="0" borderId="30" xfId="0" applyNumberFormat="1" applyFont="1" applyBorder="1" applyAlignment="1">
      <alignment vertical="center" wrapText="1"/>
    </xf>
    <xf numFmtId="49" fontId="0" fillId="0" borderId="0" xfId="0" applyNumberFormat="1" applyAlignment="1">
      <alignment vertical="center" wrapText="1"/>
    </xf>
    <xf numFmtId="49" fontId="8" fillId="0" borderId="32" xfId="0" applyNumberFormat="1" applyFont="1" applyBorder="1" applyAlignment="1">
      <alignment horizontal="left" vertical="center" wrapText="1"/>
    </xf>
    <xf numFmtId="49" fontId="1" fillId="0" borderId="78" xfId="0" applyNumberFormat="1" applyFont="1" applyBorder="1" applyAlignment="1">
      <alignment horizontal="center" vertical="center"/>
    </xf>
    <xf numFmtId="49" fontId="1" fillId="0" borderId="33" xfId="0" applyNumberFormat="1" applyFont="1" applyBorder="1" applyAlignment="1">
      <alignment horizontal="center" vertical="center"/>
    </xf>
    <xf numFmtId="49" fontId="1" fillId="0" borderId="7" xfId="0" applyNumberFormat="1" applyFont="1" applyBorder="1" applyAlignment="1">
      <alignment horizontal="center" vertical="center"/>
    </xf>
    <xf numFmtId="49" fontId="26" fillId="0" borderId="0" xfId="0" applyNumberFormat="1" applyFont="1" applyAlignment="1">
      <alignment horizontal="center" vertical="center"/>
    </xf>
    <xf numFmtId="49" fontId="0" fillId="0" borderId="21" xfId="0" applyNumberFormat="1" applyFont="1" applyBorder="1" applyAlignment="1">
      <alignment horizontal="center" vertical="center" wrapText="1" shrinkToFit="1"/>
    </xf>
    <xf numFmtId="49" fontId="0" fillId="0" borderId="24" xfId="0" applyNumberFormat="1" applyFont="1" applyBorder="1" applyAlignment="1">
      <alignment horizontal="center" vertical="center" wrapText="1" shrinkToFit="1"/>
    </xf>
    <xf numFmtId="49" fontId="0" fillId="0" borderId="30" xfId="0" applyNumberFormat="1" applyFont="1" applyBorder="1" applyAlignment="1">
      <alignment horizontal="center" vertical="center" wrapText="1" shrinkToFit="1"/>
    </xf>
    <xf numFmtId="49" fontId="1" fillId="0" borderId="78" xfId="0" applyNumberFormat="1" applyFont="1" applyBorder="1" applyAlignment="1">
      <alignment horizontal="distributed" vertical="center" justifyLastLine="1"/>
    </xf>
    <xf numFmtId="49" fontId="1" fillId="0" borderId="33" xfId="0" applyNumberFormat="1" applyFont="1" applyBorder="1" applyAlignment="1">
      <alignment horizontal="distributed" vertical="center" justifyLastLine="1"/>
    </xf>
    <xf numFmtId="49" fontId="1" fillId="0" borderId="96" xfId="0" applyNumberFormat="1" applyFont="1" applyBorder="1" applyAlignment="1">
      <alignment horizontal="distributed" vertical="center" justifyLastLine="1"/>
    </xf>
    <xf numFmtId="49" fontId="1" fillId="0" borderId="78" xfId="0" applyNumberFormat="1" applyFont="1" applyFill="1" applyBorder="1" applyAlignment="1">
      <alignment horizontal="distributed" vertical="center" justifyLastLine="1"/>
    </xf>
    <xf numFmtId="49" fontId="1" fillId="0" borderId="33" xfId="0" applyNumberFormat="1" applyFont="1" applyFill="1" applyBorder="1" applyAlignment="1">
      <alignment horizontal="distributed" vertical="center" justifyLastLine="1"/>
    </xf>
    <xf numFmtId="49" fontId="1" fillId="0" borderId="7" xfId="0" applyNumberFormat="1" applyFont="1" applyFill="1" applyBorder="1" applyAlignment="1">
      <alignment horizontal="distributed" vertical="center" justifyLastLine="1"/>
    </xf>
    <xf numFmtId="49" fontId="0" fillId="0" borderId="22" xfId="0" applyNumberFormat="1" applyFont="1" applyBorder="1" applyAlignment="1">
      <alignment horizontal="center" vertical="center" wrapText="1" shrinkToFit="1"/>
    </xf>
    <xf numFmtId="49" fontId="0" fillId="0" borderId="25" xfId="0" applyNumberFormat="1" applyFont="1" applyBorder="1" applyAlignment="1">
      <alignment horizontal="center" vertical="center" wrapText="1" shrinkToFit="1"/>
    </xf>
    <xf numFmtId="49" fontId="0" fillId="0" borderId="5" xfId="0" applyNumberFormat="1" applyFont="1" applyBorder="1" applyAlignment="1">
      <alignment horizontal="center" vertical="center" wrapText="1" shrinkToFit="1"/>
    </xf>
    <xf numFmtId="49" fontId="0" fillId="0" borderId="72" xfId="0" applyNumberFormat="1" applyFont="1" applyBorder="1" applyAlignment="1">
      <alignment horizontal="center" vertical="center" wrapText="1" shrinkToFit="1"/>
    </xf>
    <xf numFmtId="49" fontId="0" fillId="0" borderId="31" xfId="0" applyNumberFormat="1" applyFont="1" applyBorder="1" applyAlignment="1">
      <alignment horizontal="center" vertical="center" wrapText="1" shrinkToFit="1"/>
    </xf>
    <xf numFmtId="49" fontId="0" fillId="0" borderId="53" xfId="0" applyNumberFormat="1" applyFont="1" applyBorder="1" applyAlignment="1">
      <alignment horizontal="center" vertical="center" wrapText="1" shrinkToFit="1"/>
    </xf>
    <xf numFmtId="49" fontId="0" fillId="0" borderId="33" xfId="0" applyNumberFormat="1" applyFill="1" applyBorder="1" applyAlignment="1">
      <alignment vertical="center" shrinkToFit="1"/>
    </xf>
    <xf numFmtId="49" fontId="0" fillId="0" borderId="33" xfId="0" applyNumberFormat="1" applyBorder="1" applyAlignment="1">
      <alignment vertical="center" shrinkToFit="1"/>
    </xf>
    <xf numFmtId="49" fontId="0" fillId="0" borderId="7" xfId="0" applyNumberFormat="1" applyBorder="1" applyAlignment="1">
      <alignment vertical="center" shrinkToFit="1"/>
    </xf>
    <xf numFmtId="49" fontId="3" fillId="0" borderId="32" xfId="0" applyNumberFormat="1" applyFont="1" applyBorder="1" applyAlignment="1">
      <alignment vertical="center"/>
    </xf>
    <xf numFmtId="49" fontId="3" fillId="0" borderId="0" xfId="0" applyNumberFormat="1" applyFont="1" applyAlignment="1">
      <alignment vertical="center"/>
    </xf>
    <xf numFmtId="49" fontId="0" fillId="0" borderId="94" xfId="0" quotePrefix="1" applyNumberFormat="1" applyFill="1" applyBorder="1" applyAlignment="1">
      <alignment horizontal="center" vertical="center"/>
    </xf>
    <xf numFmtId="49" fontId="0" fillId="0" borderId="92" xfId="0" quotePrefix="1" applyNumberFormat="1" applyFill="1" applyBorder="1" applyAlignment="1">
      <alignment horizontal="center" vertical="center"/>
    </xf>
    <xf numFmtId="49" fontId="0" fillId="0" borderId="93" xfId="0" quotePrefix="1" applyNumberFormat="1" applyFill="1" applyBorder="1" applyAlignment="1">
      <alignment horizontal="center" vertical="center"/>
    </xf>
    <xf numFmtId="49" fontId="18" fillId="0" borderId="83" xfId="0" applyNumberFormat="1" applyFont="1" applyFill="1" applyBorder="1" applyAlignment="1" applyProtection="1">
      <alignment vertical="center" wrapText="1"/>
      <protection locked="0"/>
    </xf>
    <xf numFmtId="49" fontId="18" fillId="0" borderId="80" xfId="0" applyNumberFormat="1" applyFont="1" applyFill="1" applyBorder="1" applyAlignment="1" applyProtection="1">
      <alignment vertical="center" wrapText="1"/>
      <protection locked="0"/>
    </xf>
    <xf numFmtId="49" fontId="18" fillId="0" borderId="81" xfId="0" applyNumberFormat="1" applyFont="1" applyFill="1" applyBorder="1" applyAlignment="1" applyProtection="1">
      <alignment vertical="center" wrapText="1"/>
      <protection locked="0"/>
    </xf>
    <xf numFmtId="49" fontId="17" fillId="0" borderId="11" xfId="0" applyNumberFormat="1" applyFont="1" applyFill="1" applyBorder="1" applyAlignment="1" applyProtection="1">
      <alignment vertical="center" wrapText="1"/>
      <protection locked="0"/>
    </xf>
    <xf numFmtId="49" fontId="17" fillId="0" borderId="82" xfId="0" applyNumberFormat="1" applyFont="1" applyFill="1" applyBorder="1" applyAlignment="1" applyProtection="1">
      <alignment vertical="center" wrapText="1"/>
      <protection locked="0"/>
    </xf>
    <xf numFmtId="49" fontId="17" fillId="0" borderId="12" xfId="0" applyNumberFormat="1" applyFont="1" applyFill="1" applyBorder="1" applyAlignment="1" applyProtection="1">
      <alignment vertical="center" wrapText="1"/>
      <protection locked="0"/>
    </xf>
    <xf numFmtId="49" fontId="1" fillId="0" borderId="94" xfId="0" quotePrefix="1" applyNumberFormat="1" applyFont="1" applyFill="1" applyBorder="1" applyAlignment="1">
      <alignment horizontal="center" vertical="center"/>
    </xf>
    <xf numFmtId="49" fontId="1" fillId="0" borderId="92" xfId="0" quotePrefix="1" applyNumberFormat="1" applyFont="1" applyFill="1" applyBorder="1" applyAlignment="1">
      <alignment horizontal="center" vertical="center"/>
    </xf>
    <xf numFmtId="49" fontId="1" fillId="0" borderId="93" xfId="0" quotePrefix="1" applyNumberFormat="1" applyFont="1" applyFill="1" applyBorder="1" applyAlignment="1">
      <alignment horizontal="center" vertical="center"/>
    </xf>
    <xf numFmtId="49" fontId="1" fillId="0" borderId="83" xfId="0" applyNumberFormat="1" applyFont="1" applyFill="1" applyBorder="1" applyAlignment="1" applyProtection="1">
      <alignment horizontal="center" vertical="center" wrapText="1"/>
      <protection locked="0"/>
    </xf>
    <xf numFmtId="49" fontId="1" fillId="0" borderId="80" xfId="0" applyNumberFormat="1" applyFont="1" applyFill="1" applyBorder="1" applyAlignment="1" applyProtection="1">
      <alignment horizontal="center" vertical="center" wrapText="1"/>
      <protection locked="0"/>
    </xf>
    <xf numFmtId="49" fontId="1" fillId="0" borderId="81" xfId="0" applyNumberFormat="1" applyFont="1" applyFill="1" applyBorder="1" applyAlignment="1" applyProtection="1">
      <alignment horizontal="center" vertical="center" wrapText="1"/>
      <protection locked="0"/>
    </xf>
    <xf numFmtId="49" fontId="1" fillId="0" borderId="11" xfId="0" applyNumberFormat="1" applyFont="1" applyFill="1" applyBorder="1" applyAlignment="1" applyProtection="1">
      <alignment horizontal="center" vertical="center" wrapText="1"/>
      <protection locked="0"/>
    </xf>
    <xf numFmtId="49" fontId="1" fillId="0" borderId="82" xfId="0" applyNumberFormat="1" applyFont="1" applyFill="1" applyBorder="1" applyAlignment="1" applyProtection="1">
      <alignment horizontal="center" vertical="center" wrapText="1"/>
      <protection locked="0"/>
    </xf>
    <xf numFmtId="49" fontId="1" fillId="0" borderId="12" xfId="0" applyNumberFormat="1" applyFont="1" applyFill="1" applyBorder="1" applyAlignment="1" applyProtection="1">
      <alignment horizontal="center" vertical="center" wrapText="1"/>
      <protection locked="0"/>
    </xf>
    <xf numFmtId="49" fontId="1" fillId="0" borderId="95" xfId="0" quotePrefix="1" applyNumberFormat="1" applyFont="1" applyFill="1" applyBorder="1" applyAlignment="1">
      <alignment horizontal="center" vertical="center"/>
    </xf>
    <xf numFmtId="49" fontId="1" fillId="0" borderId="84" xfId="0" applyNumberFormat="1" applyFont="1" applyFill="1" applyBorder="1" applyAlignment="1" applyProtection="1">
      <alignment horizontal="center" vertical="center" wrapText="1"/>
      <protection locked="0"/>
    </xf>
    <xf numFmtId="49" fontId="1" fillId="0" borderId="70" xfId="0" applyNumberFormat="1" applyFont="1" applyFill="1" applyBorder="1" applyAlignment="1" applyProtection="1">
      <alignment horizontal="center" vertical="center" wrapText="1"/>
      <protection locked="0"/>
    </xf>
    <xf numFmtId="49" fontId="1" fillId="0" borderId="91" xfId="0" quotePrefix="1" applyNumberFormat="1" applyFont="1" applyFill="1" applyBorder="1" applyAlignment="1">
      <alignment horizontal="center" vertical="center"/>
    </xf>
    <xf numFmtId="49" fontId="18" fillId="0" borderId="79" xfId="0" applyNumberFormat="1" applyFont="1" applyFill="1" applyBorder="1" applyAlignment="1" applyProtection="1">
      <alignment vertical="center" wrapText="1"/>
      <protection locked="0"/>
    </xf>
    <xf numFmtId="49" fontId="17" fillId="0" borderId="73" xfId="0" applyNumberFormat="1" applyFont="1" applyFill="1" applyBorder="1" applyAlignment="1" applyProtection="1">
      <alignment vertical="center" wrapText="1"/>
      <protection locked="0"/>
    </xf>
    <xf numFmtId="49" fontId="9" fillId="0" borderId="0" xfId="0" applyNumberFormat="1" applyFont="1" applyAlignment="1">
      <alignment horizontal="left" vertical="center" indent="1"/>
    </xf>
    <xf numFmtId="49" fontId="6" fillId="0" borderId="17" xfId="0" applyNumberFormat="1" applyFont="1" applyFill="1" applyBorder="1" applyAlignment="1">
      <alignment horizontal="center" vertical="center"/>
    </xf>
    <xf numFmtId="49" fontId="6" fillId="0" borderId="18" xfId="0" applyNumberFormat="1" applyFont="1" applyFill="1" applyBorder="1" applyAlignment="1">
      <alignment horizontal="center" vertical="center"/>
    </xf>
    <xf numFmtId="49" fontId="6" fillId="0" borderId="78" xfId="0" applyNumberFormat="1" applyFont="1" applyBorder="1" applyAlignment="1">
      <alignment horizontal="center" vertical="center" justifyLastLine="1"/>
    </xf>
    <xf numFmtId="49" fontId="6" fillId="0" borderId="33" xfId="0" applyNumberFormat="1" applyFont="1" applyBorder="1" applyAlignment="1">
      <alignment horizontal="center" vertical="center" justifyLastLine="1"/>
    </xf>
    <xf numFmtId="49" fontId="6" fillId="0" borderId="7" xfId="0" applyNumberFormat="1" applyFont="1" applyBorder="1" applyAlignment="1">
      <alignment horizontal="center" vertical="center" justifyLastLine="1"/>
    </xf>
    <xf numFmtId="49" fontId="6" fillId="0" borderId="73" xfId="0" applyNumberFormat="1" applyFont="1" applyBorder="1" applyAlignment="1">
      <alignment horizontal="center" vertical="center" justifyLastLine="1"/>
    </xf>
    <xf numFmtId="49" fontId="6" fillId="0" borderId="70" xfId="0" applyNumberFormat="1" applyFont="1" applyBorder="1" applyAlignment="1">
      <alignment horizontal="center" vertical="center" justifyLastLine="1"/>
    </xf>
    <xf numFmtId="0" fontId="26" fillId="0" borderId="0" xfId="0" applyFont="1" applyAlignment="1">
      <alignment horizontal="center" vertical="center"/>
    </xf>
    <xf numFmtId="0" fontId="26" fillId="0" borderId="19" xfId="0" applyFont="1" applyBorder="1" applyAlignment="1">
      <alignment horizontal="center" vertical="center"/>
    </xf>
    <xf numFmtId="0" fontId="3" fillId="0" borderId="0" xfId="0" applyFont="1" applyBorder="1" applyAlignment="1">
      <alignment horizontal="left" vertical="center" wrapText="1"/>
    </xf>
    <xf numFmtId="49" fontId="3" fillId="0" borderId="0" xfId="0" applyNumberFormat="1" applyFont="1" applyFill="1" applyBorder="1" applyAlignment="1" applyProtection="1">
      <alignment horizontal="left" vertical="distributed" wrapText="1"/>
      <protection locked="0"/>
    </xf>
    <xf numFmtId="49" fontId="9" fillId="0" borderId="0" xfId="0" applyNumberFormat="1" applyFont="1" applyFill="1" applyBorder="1" applyAlignment="1" applyProtection="1">
      <alignment horizontal="left" vertical="center" wrapText="1"/>
      <protection locked="0"/>
    </xf>
    <xf numFmtId="0" fontId="11" fillId="0" borderId="18" xfId="0" applyFont="1" applyBorder="1" applyAlignment="1">
      <alignment vertical="center" justifyLastLine="1"/>
    </xf>
    <xf numFmtId="0" fontId="8" fillId="0" borderId="0" xfId="0" applyFont="1" applyBorder="1" applyAlignment="1">
      <alignment vertical="center" wrapText="1"/>
    </xf>
    <xf numFmtId="49" fontId="1" fillId="0" borderId="18" xfId="0" applyNumberFormat="1" applyFont="1" applyFill="1" applyBorder="1" applyAlignment="1" applyProtection="1">
      <alignment vertical="center" wrapText="1"/>
      <protection locked="0"/>
    </xf>
    <xf numFmtId="49" fontId="1" fillId="0" borderId="19" xfId="0" applyNumberFormat="1" applyFont="1" applyFill="1" applyBorder="1" applyAlignment="1" applyProtection="1">
      <alignment vertical="center" wrapText="1"/>
      <protection locked="0"/>
    </xf>
    <xf numFmtId="49" fontId="1" fillId="0" borderId="20" xfId="0" applyNumberFormat="1" applyFont="1" applyFill="1" applyBorder="1" applyAlignment="1" applyProtection="1">
      <alignment vertical="center" wrapText="1"/>
      <protection locked="0"/>
    </xf>
    <xf numFmtId="0" fontId="6" fillId="0" borderId="0" xfId="0" applyFont="1" applyFill="1" applyAlignment="1">
      <alignment horizontal="right" vertical="center"/>
    </xf>
    <xf numFmtId="49" fontId="11" fillId="0" borderId="18" xfId="0" applyNumberFormat="1" applyFont="1" applyFill="1" applyBorder="1" applyAlignment="1" applyProtection="1">
      <alignment vertical="center" wrapText="1"/>
      <protection locked="0"/>
    </xf>
    <xf numFmtId="0" fontId="11" fillId="0" borderId="18" xfId="0" applyFont="1" applyBorder="1" applyAlignment="1">
      <alignment horizontal="left" vertical="center" wrapText="1"/>
    </xf>
    <xf numFmtId="0" fontId="1" fillId="0" borderId="32" xfId="0" applyFont="1" applyBorder="1" applyAlignment="1">
      <alignment horizontal="right" vertical="center"/>
    </xf>
    <xf numFmtId="0" fontId="1" fillId="0" borderId="69" xfId="0" applyFont="1" applyBorder="1" applyAlignment="1">
      <alignment horizontal="right" vertical="center"/>
    </xf>
    <xf numFmtId="0" fontId="9" fillId="0" borderId="19" xfId="0" applyFont="1" applyBorder="1" applyAlignment="1">
      <alignment vertical="center"/>
    </xf>
    <xf numFmtId="49" fontId="8" fillId="0" borderId="0" xfId="0" applyNumberFormat="1" applyFont="1" applyBorder="1" applyAlignment="1">
      <alignment horizontal="left" vertical="center" wrapText="1"/>
    </xf>
    <xf numFmtId="49" fontId="10" fillId="0" borderId="0" xfId="0" applyNumberFormat="1" applyFont="1" applyAlignment="1">
      <alignment horizontal="center" vertical="center"/>
    </xf>
    <xf numFmtId="49" fontId="1" fillId="0" borderId="0" xfId="0" applyNumberFormat="1" applyFont="1" applyFill="1" applyBorder="1" applyAlignment="1" applyProtection="1">
      <alignment horizontal="distributed" vertical="center"/>
      <protection hidden="1"/>
    </xf>
    <xf numFmtId="49" fontId="0" fillId="0" borderId="0" xfId="0" applyNumberFormat="1" applyAlignment="1">
      <alignment horizontal="distributed" vertical="center"/>
    </xf>
    <xf numFmtId="49" fontId="1" fillId="0" borderId="2" xfId="0" applyNumberFormat="1" applyFont="1" applyFill="1" applyBorder="1" applyAlignment="1">
      <alignment horizontal="center" vertical="center"/>
    </xf>
    <xf numFmtId="49" fontId="1" fillId="0" borderId="32" xfId="0" applyNumberFormat="1" applyFont="1" applyFill="1" applyBorder="1" applyAlignment="1">
      <alignment horizontal="center" vertical="center"/>
    </xf>
    <xf numFmtId="49" fontId="1" fillId="0" borderId="69" xfId="0" applyNumberFormat="1" applyFont="1" applyFill="1" applyBorder="1" applyAlignment="1">
      <alignment horizontal="center" vertical="center"/>
    </xf>
    <xf numFmtId="49" fontId="14" fillId="0" borderId="1" xfId="0" applyNumberFormat="1" applyFont="1" applyFill="1" applyBorder="1" applyAlignment="1" applyProtection="1">
      <alignment vertical="center" wrapText="1"/>
    </xf>
    <xf numFmtId="49" fontId="14" fillId="0" borderId="1" xfId="0" applyNumberFormat="1" applyFont="1" applyBorder="1" applyAlignment="1">
      <alignment vertical="center" wrapText="1"/>
    </xf>
    <xf numFmtId="49" fontId="17" fillId="0" borderId="1" xfId="0" applyNumberFormat="1" applyFont="1" applyFill="1" applyBorder="1" applyAlignment="1" applyProtection="1">
      <alignment horizontal="right" vertical="center" wrapText="1"/>
    </xf>
    <xf numFmtId="49" fontId="14" fillId="0" borderId="1" xfId="0" applyNumberFormat="1" applyFont="1" applyBorder="1" applyAlignment="1">
      <alignment horizontal="right" vertical="center" wrapText="1"/>
    </xf>
    <xf numFmtId="49" fontId="8" fillId="0" borderId="0" xfId="0" applyNumberFormat="1" applyFont="1" applyBorder="1" applyAlignment="1">
      <alignment horizontal="left" vertical="center"/>
    </xf>
    <xf numFmtId="49" fontId="1" fillId="0" borderId="7" xfId="0" applyNumberFormat="1" applyFont="1" applyBorder="1" applyAlignment="1">
      <alignment horizontal="distributed" vertical="center" justifyLastLine="1"/>
    </xf>
    <xf numFmtId="49" fontId="14" fillId="0" borderId="78" xfId="0" applyNumberFormat="1" applyFont="1" applyFill="1" applyBorder="1" applyAlignment="1" applyProtection="1">
      <alignment vertical="center" wrapText="1"/>
    </xf>
    <xf numFmtId="49" fontId="14" fillId="0" borderId="7" xfId="0" applyNumberFormat="1" applyFont="1" applyFill="1" applyBorder="1" applyAlignment="1" applyProtection="1">
      <alignment vertical="center" wrapText="1"/>
    </xf>
    <xf numFmtId="49" fontId="8" fillId="0" borderId="32" xfId="0" applyNumberFormat="1" applyFont="1" applyFill="1" applyBorder="1" applyAlignment="1">
      <alignment vertical="center" wrapText="1"/>
    </xf>
    <xf numFmtId="49" fontId="8" fillId="0" borderId="0" xfId="0" applyNumberFormat="1" applyFont="1" applyFill="1" applyBorder="1" applyAlignment="1">
      <alignment vertical="center" wrapText="1"/>
    </xf>
    <xf numFmtId="49" fontId="8" fillId="0" borderId="2" xfId="0" applyNumberFormat="1" applyFont="1" applyFill="1" applyBorder="1" applyAlignment="1">
      <alignment vertical="center" wrapText="1"/>
    </xf>
    <xf numFmtId="49" fontId="8" fillId="0" borderId="17" xfId="0" applyNumberFormat="1" applyFont="1" applyFill="1" applyBorder="1" applyAlignment="1">
      <alignment vertical="center" wrapText="1"/>
    </xf>
    <xf numFmtId="49" fontId="0" fillId="0" borderId="9" xfId="0" applyNumberFormat="1" applyFont="1" applyFill="1" applyBorder="1" applyAlignment="1" applyProtection="1">
      <alignment horizontal="center"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styles" Target="styles.xml"/><Relationship Id="rId8" Type="http://schemas.openxmlformats.org/officeDocument/2006/relationships/worksheet" Target="worksheets/sheet8.xml"/></Relationships>
</file>

<file path=xl/drawings/drawing1.xml><?xml version="1.0" encoding="utf-8"?>
<xdr:wsDr xmlns:xdr="http://schemas.openxmlformats.org/drawingml/2006/spreadsheetDrawing" xmlns:a="http://schemas.openxmlformats.org/drawingml/2006/main">
  <xdr:twoCellAnchor>
    <xdr:from>
      <xdr:col>12</xdr:col>
      <xdr:colOff>0</xdr:colOff>
      <xdr:row>23</xdr:row>
      <xdr:rowOff>0</xdr:rowOff>
    </xdr:from>
    <xdr:to>
      <xdr:col>12</xdr:col>
      <xdr:colOff>1668780</xdr:colOff>
      <xdr:row>23</xdr:row>
      <xdr:rowOff>0</xdr:rowOff>
    </xdr:to>
    <xdr:sp macro="" textlink="">
      <xdr:nvSpPr>
        <xdr:cNvPr id="61738" name="Line 20">
          <a:extLst>
            <a:ext uri="{FF2B5EF4-FFF2-40B4-BE49-F238E27FC236}">
              <a16:creationId xmlns:a16="http://schemas.microsoft.com/office/drawing/2014/main" id="{00000000-0008-0000-0000-00002AF10000}"/>
            </a:ext>
          </a:extLst>
        </xdr:cNvPr>
        <xdr:cNvSpPr>
          <a:spLocks noChangeShapeType="1"/>
        </xdr:cNvSpPr>
      </xdr:nvSpPr>
      <xdr:spPr bwMode="auto">
        <a:xfrm flipV="1">
          <a:off x="5783580" y="4732020"/>
          <a:ext cx="16687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21</xdr:row>
      <xdr:rowOff>38100</xdr:rowOff>
    </xdr:from>
    <xdr:to>
      <xdr:col>12</xdr:col>
      <xdr:colOff>1668780</xdr:colOff>
      <xdr:row>21</xdr:row>
      <xdr:rowOff>38100</xdr:rowOff>
    </xdr:to>
    <xdr:sp macro="" textlink="">
      <xdr:nvSpPr>
        <xdr:cNvPr id="61739" name="Line 21">
          <a:extLst>
            <a:ext uri="{FF2B5EF4-FFF2-40B4-BE49-F238E27FC236}">
              <a16:creationId xmlns:a16="http://schemas.microsoft.com/office/drawing/2014/main" id="{00000000-0008-0000-0000-00002BF10000}"/>
            </a:ext>
          </a:extLst>
        </xdr:cNvPr>
        <xdr:cNvSpPr>
          <a:spLocks noChangeShapeType="1"/>
        </xdr:cNvSpPr>
      </xdr:nvSpPr>
      <xdr:spPr bwMode="auto">
        <a:xfrm>
          <a:off x="5783580" y="4358640"/>
          <a:ext cx="16687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5</xdr:col>
      <xdr:colOff>22860</xdr:colOff>
      <xdr:row>23</xdr:row>
      <xdr:rowOff>137160</xdr:rowOff>
    </xdr:from>
    <xdr:to>
      <xdr:col>16</xdr:col>
      <xdr:colOff>114300</xdr:colOff>
      <xdr:row>23</xdr:row>
      <xdr:rowOff>137160</xdr:rowOff>
    </xdr:to>
    <xdr:sp macro="" textlink="">
      <xdr:nvSpPr>
        <xdr:cNvPr id="61740" name="Line 22">
          <a:extLst>
            <a:ext uri="{FF2B5EF4-FFF2-40B4-BE49-F238E27FC236}">
              <a16:creationId xmlns:a16="http://schemas.microsoft.com/office/drawing/2014/main" id="{00000000-0008-0000-0000-00002CF10000}"/>
            </a:ext>
          </a:extLst>
        </xdr:cNvPr>
        <xdr:cNvSpPr>
          <a:spLocks noChangeShapeType="1"/>
        </xdr:cNvSpPr>
      </xdr:nvSpPr>
      <xdr:spPr bwMode="auto">
        <a:xfrm flipV="1">
          <a:off x="7810500" y="4869180"/>
          <a:ext cx="17297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4</xdr:col>
      <xdr:colOff>205740</xdr:colOff>
      <xdr:row>26</xdr:row>
      <xdr:rowOff>7620</xdr:rowOff>
    </xdr:from>
    <xdr:to>
      <xdr:col>16</xdr:col>
      <xdr:colOff>106680</xdr:colOff>
      <xdr:row>26</xdr:row>
      <xdr:rowOff>7620</xdr:rowOff>
    </xdr:to>
    <xdr:sp macro="" textlink="">
      <xdr:nvSpPr>
        <xdr:cNvPr id="61741" name="Line 23">
          <a:extLst>
            <a:ext uri="{FF2B5EF4-FFF2-40B4-BE49-F238E27FC236}">
              <a16:creationId xmlns:a16="http://schemas.microsoft.com/office/drawing/2014/main" id="{00000000-0008-0000-0000-00002DF10000}"/>
            </a:ext>
          </a:extLst>
        </xdr:cNvPr>
        <xdr:cNvSpPr>
          <a:spLocks noChangeShapeType="1"/>
        </xdr:cNvSpPr>
      </xdr:nvSpPr>
      <xdr:spPr bwMode="auto">
        <a:xfrm>
          <a:off x="7787640" y="5356860"/>
          <a:ext cx="17449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21</xdr:row>
      <xdr:rowOff>15240</xdr:rowOff>
    </xdr:from>
    <xdr:to>
      <xdr:col>10</xdr:col>
      <xdr:colOff>22860</xdr:colOff>
      <xdr:row>26</xdr:row>
      <xdr:rowOff>106680</xdr:rowOff>
    </xdr:to>
    <xdr:sp macro="" textlink="">
      <xdr:nvSpPr>
        <xdr:cNvPr id="61742" name="AutoShape 24">
          <a:extLst>
            <a:ext uri="{FF2B5EF4-FFF2-40B4-BE49-F238E27FC236}">
              <a16:creationId xmlns:a16="http://schemas.microsoft.com/office/drawing/2014/main" id="{00000000-0008-0000-0000-00002EF10000}"/>
            </a:ext>
          </a:extLst>
        </xdr:cNvPr>
        <xdr:cNvSpPr>
          <a:spLocks noChangeArrowheads="1"/>
        </xdr:cNvSpPr>
      </xdr:nvSpPr>
      <xdr:spPr bwMode="auto">
        <a:xfrm>
          <a:off x="53340" y="4335780"/>
          <a:ext cx="5494020" cy="1120140"/>
        </a:xfrm>
        <a:prstGeom prst="bracketPair">
          <a:avLst>
            <a:gd name="adj" fmla="val 9792"/>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0</xdr:colOff>
      <xdr:row>26</xdr:row>
      <xdr:rowOff>60960</xdr:rowOff>
    </xdr:from>
    <xdr:to>
      <xdr:col>12</xdr:col>
      <xdr:colOff>1668780</xdr:colOff>
      <xdr:row>26</xdr:row>
      <xdr:rowOff>60960</xdr:rowOff>
    </xdr:to>
    <xdr:sp macro="" textlink="">
      <xdr:nvSpPr>
        <xdr:cNvPr id="61743" name="Line 25">
          <a:extLst>
            <a:ext uri="{FF2B5EF4-FFF2-40B4-BE49-F238E27FC236}">
              <a16:creationId xmlns:a16="http://schemas.microsoft.com/office/drawing/2014/main" id="{00000000-0008-0000-0000-00002FF10000}"/>
            </a:ext>
          </a:extLst>
        </xdr:cNvPr>
        <xdr:cNvSpPr>
          <a:spLocks noChangeShapeType="1"/>
        </xdr:cNvSpPr>
      </xdr:nvSpPr>
      <xdr:spPr bwMode="auto">
        <a:xfrm>
          <a:off x="5783580" y="5410200"/>
          <a:ext cx="16687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647700</xdr:colOff>
      <xdr:row>52</xdr:row>
      <xdr:rowOff>152400</xdr:rowOff>
    </xdr:from>
    <xdr:to>
      <xdr:col>27</xdr:col>
      <xdr:colOff>419100</xdr:colOff>
      <xdr:row>52</xdr:row>
      <xdr:rowOff>152400</xdr:rowOff>
    </xdr:to>
    <xdr:sp macro="" textlink="">
      <xdr:nvSpPr>
        <xdr:cNvPr id="61744" name="Line 26">
          <a:extLst>
            <a:ext uri="{FF2B5EF4-FFF2-40B4-BE49-F238E27FC236}">
              <a16:creationId xmlns:a16="http://schemas.microsoft.com/office/drawing/2014/main" id="{00000000-0008-0000-0000-000030F10000}"/>
            </a:ext>
          </a:extLst>
        </xdr:cNvPr>
        <xdr:cNvSpPr>
          <a:spLocks noChangeShapeType="1"/>
        </xdr:cNvSpPr>
      </xdr:nvSpPr>
      <xdr:spPr bwMode="auto">
        <a:xfrm>
          <a:off x="15102840" y="10957560"/>
          <a:ext cx="18288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647700</xdr:colOff>
      <xdr:row>52</xdr:row>
      <xdr:rowOff>152400</xdr:rowOff>
    </xdr:from>
    <xdr:to>
      <xdr:col>27</xdr:col>
      <xdr:colOff>419100</xdr:colOff>
      <xdr:row>52</xdr:row>
      <xdr:rowOff>152400</xdr:rowOff>
    </xdr:to>
    <xdr:sp macro="" textlink="">
      <xdr:nvSpPr>
        <xdr:cNvPr id="61745" name="Line 27">
          <a:extLst>
            <a:ext uri="{FF2B5EF4-FFF2-40B4-BE49-F238E27FC236}">
              <a16:creationId xmlns:a16="http://schemas.microsoft.com/office/drawing/2014/main" id="{00000000-0008-0000-0000-000031F10000}"/>
            </a:ext>
          </a:extLst>
        </xdr:cNvPr>
        <xdr:cNvSpPr>
          <a:spLocks noChangeShapeType="1"/>
        </xdr:cNvSpPr>
      </xdr:nvSpPr>
      <xdr:spPr bwMode="auto">
        <a:xfrm>
          <a:off x="15102840" y="10957560"/>
          <a:ext cx="18288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2</xdr:col>
      <xdr:colOff>457200</xdr:colOff>
      <xdr:row>52</xdr:row>
      <xdr:rowOff>152400</xdr:rowOff>
    </xdr:from>
    <xdr:to>
      <xdr:col>25</xdr:col>
      <xdr:colOff>129540</xdr:colOff>
      <xdr:row>52</xdr:row>
      <xdr:rowOff>152400</xdr:rowOff>
    </xdr:to>
    <xdr:sp macro="" textlink="">
      <xdr:nvSpPr>
        <xdr:cNvPr id="61746" name="Line 28">
          <a:extLst>
            <a:ext uri="{FF2B5EF4-FFF2-40B4-BE49-F238E27FC236}">
              <a16:creationId xmlns:a16="http://schemas.microsoft.com/office/drawing/2014/main" id="{00000000-0008-0000-0000-000032F10000}"/>
            </a:ext>
          </a:extLst>
        </xdr:cNvPr>
        <xdr:cNvSpPr>
          <a:spLocks noChangeShapeType="1"/>
        </xdr:cNvSpPr>
      </xdr:nvSpPr>
      <xdr:spPr bwMode="auto">
        <a:xfrm>
          <a:off x="13540740" y="10957560"/>
          <a:ext cx="17297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2</xdr:col>
      <xdr:colOff>457200</xdr:colOff>
      <xdr:row>52</xdr:row>
      <xdr:rowOff>152400</xdr:rowOff>
    </xdr:from>
    <xdr:to>
      <xdr:col>25</xdr:col>
      <xdr:colOff>129540</xdr:colOff>
      <xdr:row>52</xdr:row>
      <xdr:rowOff>152400</xdr:rowOff>
    </xdr:to>
    <xdr:sp macro="" textlink="">
      <xdr:nvSpPr>
        <xdr:cNvPr id="61747" name="Line 29">
          <a:extLst>
            <a:ext uri="{FF2B5EF4-FFF2-40B4-BE49-F238E27FC236}">
              <a16:creationId xmlns:a16="http://schemas.microsoft.com/office/drawing/2014/main" id="{00000000-0008-0000-0000-000033F10000}"/>
            </a:ext>
          </a:extLst>
        </xdr:cNvPr>
        <xdr:cNvSpPr>
          <a:spLocks noChangeShapeType="1"/>
        </xdr:cNvSpPr>
      </xdr:nvSpPr>
      <xdr:spPr bwMode="auto">
        <a:xfrm>
          <a:off x="13540740" y="10957560"/>
          <a:ext cx="17297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457200</xdr:colOff>
      <xdr:row>61</xdr:row>
      <xdr:rowOff>83820</xdr:rowOff>
    </xdr:from>
    <xdr:to>
      <xdr:col>28</xdr:col>
      <xdr:colOff>129540</xdr:colOff>
      <xdr:row>61</xdr:row>
      <xdr:rowOff>83820</xdr:rowOff>
    </xdr:to>
    <xdr:sp macro="" textlink="">
      <xdr:nvSpPr>
        <xdr:cNvPr id="61748" name="Line 30">
          <a:extLst>
            <a:ext uri="{FF2B5EF4-FFF2-40B4-BE49-F238E27FC236}">
              <a16:creationId xmlns:a16="http://schemas.microsoft.com/office/drawing/2014/main" id="{00000000-0008-0000-0000-000034F10000}"/>
            </a:ext>
          </a:extLst>
        </xdr:cNvPr>
        <xdr:cNvSpPr>
          <a:spLocks noChangeShapeType="1"/>
        </xdr:cNvSpPr>
      </xdr:nvSpPr>
      <xdr:spPr bwMode="auto">
        <a:xfrm>
          <a:off x="15598140" y="12809220"/>
          <a:ext cx="17297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5</xdr:col>
      <xdr:colOff>0</xdr:colOff>
      <xdr:row>27</xdr:row>
      <xdr:rowOff>144780</xdr:rowOff>
    </xdr:from>
    <xdr:to>
      <xdr:col>16</xdr:col>
      <xdr:colOff>114300</xdr:colOff>
      <xdr:row>27</xdr:row>
      <xdr:rowOff>144780</xdr:rowOff>
    </xdr:to>
    <xdr:sp macro="" textlink="">
      <xdr:nvSpPr>
        <xdr:cNvPr id="61749" name="Line 31">
          <a:extLst>
            <a:ext uri="{FF2B5EF4-FFF2-40B4-BE49-F238E27FC236}">
              <a16:creationId xmlns:a16="http://schemas.microsoft.com/office/drawing/2014/main" id="{00000000-0008-0000-0000-000035F10000}"/>
            </a:ext>
          </a:extLst>
        </xdr:cNvPr>
        <xdr:cNvSpPr>
          <a:spLocks noChangeShapeType="1"/>
        </xdr:cNvSpPr>
      </xdr:nvSpPr>
      <xdr:spPr bwMode="auto">
        <a:xfrm>
          <a:off x="7787640" y="5699760"/>
          <a:ext cx="17526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259080</xdr:colOff>
      <xdr:row>4</xdr:row>
      <xdr:rowOff>45720</xdr:rowOff>
    </xdr:from>
    <xdr:to>
      <xdr:col>11</xdr:col>
      <xdr:colOff>7620</xdr:colOff>
      <xdr:row>4</xdr:row>
      <xdr:rowOff>45720</xdr:rowOff>
    </xdr:to>
    <xdr:sp macro="" textlink="">
      <xdr:nvSpPr>
        <xdr:cNvPr id="61750" name="Line 33">
          <a:extLst>
            <a:ext uri="{FF2B5EF4-FFF2-40B4-BE49-F238E27FC236}">
              <a16:creationId xmlns:a16="http://schemas.microsoft.com/office/drawing/2014/main" id="{00000000-0008-0000-0000-000036F10000}"/>
            </a:ext>
          </a:extLst>
        </xdr:cNvPr>
        <xdr:cNvSpPr>
          <a:spLocks noChangeShapeType="1"/>
        </xdr:cNvSpPr>
      </xdr:nvSpPr>
      <xdr:spPr bwMode="auto">
        <a:xfrm flipV="1">
          <a:off x="4053840" y="868680"/>
          <a:ext cx="15544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266700</xdr:colOff>
      <xdr:row>15</xdr:row>
      <xdr:rowOff>137160</xdr:rowOff>
    </xdr:from>
    <xdr:to>
      <xdr:col>12</xdr:col>
      <xdr:colOff>662940</xdr:colOff>
      <xdr:row>15</xdr:row>
      <xdr:rowOff>137160</xdr:rowOff>
    </xdr:to>
    <xdr:sp macro="" textlink="">
      <xdr:nvSpPr>
        <xdr:cNvPr id="61751" name="Line 34">
          <a:extLst>
            <a:ext uri="{FF2B5EF4-FFF2-40B4-BE49-F238E27FC236}">
              <a16:creationId xmlns:a16="http://schemas.microsoft.com/office/drawing/2014/main" id="{00000000-0008-0000-0000-000037F10000}"/>
            </a:ext>
          </a:extLst>
        </xdr:cNvPr>
        <xdr:cNvSpPr>
          <a:spLocks noChangeShapeType="1"/>
        </xdr:cNvSpPr>
      </xdr:nvSpPr>
      <xdr:spPr bwMode="auto">
        <a:xfrm flipV="1">
          <a:off x="6050280" y="3223260"/>
          <a:ext cx="39624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655320</xdr:colOff>
      <xdr:row>15</xdr:row>
      <xdr:rowOff>137160</xdr:rowOff>
    </xdr:from>
    <xdr:to>
      <xdr:col>12</xdr:col>
      <xdr:colOff>655320</xdr:colOff>
      <xdr:row>17</xdr:row>
      <xdr:rowOff>152400</xdr:rowOff>
    </xdr:to>
    <xdr:sp macro="" textlink="">
      <xdr:nvSpPr>
        <xdr:cNvPr id="61752" name="Line 35">
          <a:extLst>
            <a:ext uri="{FF2B5EF4-FFF2-40B4-BE49-F238E27FC236}">
              <a16:creationId xmlns:a16="http://schemas.microsoft.com/office/drawing/2014/main" id="{00000000-0008-0000-0000-000038F10000}"/>
            </a:ext>
          </a:extLst>
        </xdr:cNvPr>
        <xdr:cNvSpPr>
          <a:spLocks noChangeShapeType="1"/>
        </xdr:cNvSpPr>
      </xdr:nvSpPr>
      <xdr:spPr bwMode="auto">
        <a:xfrm>
          <a:off x="6438900" y="3223260"/>
          <a:ext cx="0" cy="42672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10.xml><?xml version="1.0" encoding="utf-8"?>
<xdr:wsDr xmlns:xdr="http://schemas.openxmlformats.org/drawingml/2006/spreadsheetDrawing" xmlns:a="http://schemas.openxmlformats.org/drawingml/2006/main">
  <xdr:twoCellAnchor>
    <xdr:from>
      <xdr:col>9</xdr:col>
      <xdr:colOff>171450</xdr:colOff>
      <xdr:row>4</xdr:row>
      <xdr:rowOff>9525</xdr:rowOff>
    </xdr:from>
    <xdr:to>
      <xdr:col>20</xdr:col>
      <xdr:colOff>470525</xdr:colOff>
      <xdr:row>4</xdr:row>
      <xdr:rowOff>123825</xdr:rowOff>
    </xdr:to>
    <xdr:sp macro="" textlink="">
      <xdr:nvSpPr>
        <xdr:cNvPr id="2" name="テキスト ボックス 1">
          <a:extLst>
            <a:ext uri="{FF2B5EF4-FFF2-40B4-BE49-F238E27FC236}">
              <a16:creationId xmlns:a16="http://schemas.microsoft.com/office/drawing/2014/main" id="{00000000-0008-0000-0900-000002000000}"/>
            </a:ext>
          </a:extLst>
        </xdr:cNvPr>
        <xdr:cNvSpPr txBox="1"/>
      </xdr:nvSpPr>
      <xdr:spPr>
        <a:xfrm>
          <a:off x="3686175" y="1133475"/>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twoCellAnchor>
    <xdr:from>
      <xdr:col>6</xdr:col>
      <xdr:colOff>11431</xdr:colOff>
      <xdr:row>4</xdr:row>
      <xdr:rowOff>11429</xdr:rowOff>
    </xdr:from>
    <xdr:to>
      <xdr:col>10</xdr:col>
      <xdr:colOff>114330</xdr:colOff>
      <xdr:row>4</xdr:row>
      <xdr:rowOff>142993</xdr:rowOff>
    </xdr:to>
    <xdr:sp macro="" textlink="">
      <xdr:nvSpPr>
        <xdr:cNvPr id="3" name="テキスト ボックス 2">
          <a:extLst>
            <a:ext uri="{FF2B5EF4-FFF2-40B4-BE49-F238E27FC236}">
              <a16:creationId xmlns:a16="http://schemas.microsoft.com/office/drawing/2014/main" id="{00000000-0008-0000-0900-000003000000}"/>
            </a:ext>
          </a:extLst>
        </xdr:cNvPr>
        <xdr:cNvSpPr txBox="1"/>
      </xdr:nvSpPr>
      <xdr:spPr>
        <a:xfrm>
          <a:off x="2847976" y="1142999"/>
          <a:ext cx="1009650" cy="123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千　　　　　　　　　　人</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4</xdr:col>
      <xdr:colOff>135255</xdr:colOff>
      <xdr:row>6</xdr:row>
      <xdr:rowOff>0</xdr:rowOff>
    </xdr:from>
    <xdr:to>
      <xdr:col>15</xdr:col>
      <xdr:colOff>461015</xdr:colOff>
      <xdr:row>6</xdr:row>
      <xdr:rowOff>114300</xdr:rowOff>
    </xdr:to>
    <xdr:sp macro="" textlink="">
      <xdr:nvSpPr>
        <xdr:cNvPr id="3" name="テキスト ボックス 2">
          <a:extLst>
            <a:ext uri="{FF2B5EF4-FFF2-40B4-BE49-F238E27FC236}">
              <a16:creationId xmlns:a16="http://schemas.microsoft.com/office/drawing/2014/main" id="{00000000-0008-0000-0A00-000003000000}"/>
            </a:ext>
          </a:extLst>
        </xdr:cNvPr>
        <xdr:cNvSpPr txBox="1"/>
      </xdr:nvSpPr>
      <xdr:spPr>
        <a:xfrm>
          <a:off x="2286000" y="1485900"/>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4</xdr:col>
      <xdr:colOff>133350</xdr:colOff>
      <xdr:row>6</xdr:row>
      <xdr:rowOff>0</xdr:rowOff>
    </xdr:from>
    <xdr:to>
      <xdr:col>16</xdr:col>
      <xdr:colOff>125730</xdr:colOff>
      <xdr:row>6</xdr:row>
      <xdr:rowOff>114300</xdr:rowOff>
    </xdr:to>
    <xdr:sp macro="" textlink="">
      <xdr:nvSpPr>
        <xdr:cNvPr id="2" name="テキスト ボックス 1">
          <a:extLst>
            <a:ext uri="{FF2B5EF4-FFF2-40B4-BE49-F238E27FC236}">
              <a16:creationId xmlns:a16="http://schemas.microsoft.com/office/drawing/2014/main" id="{00000000-0008-0000-0B00-000002000000}"/>
            </a:ext>
          </a:extLst>
        </xdr:cNvPr>
        <xdr:cNvSpPr txBox="1"/>
      </xdr:nvSpPr>
      <xdr:spPr>
        <a:xfrm>
          <a:off x="2228850" y="1457325"/>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5</xdr:col>
      <xdr:colOff>236220</xdr:colOff>
      <xdr:row>21</xdr:row>
      <xdr:rowOff>190500</xdr:rowOff>
    </xdr:from>
    <xdr:to>
      <xdr:col>6</xdr:col>
      <xdr:colOff>0</xdr:colOff>
      <xdr:row>21</xdr:row>
      <xdr:rowOff>190500</xdr:rowOff>
    </xdr:to>
    <xdr:sp macro="" textlink="">
      <xdr:nvSpPr>
        <xdr:cNvPr id="62617" name="Line 6">
          <a:extLst>
            <a:ext uri="{FF2B5EF4-FFF2-40B4-BE49-F238E27FC236}">
              <a16:creationId xmlns:a16="http://schemas.microsoft.com/office/drawing/2014/main" id="{00000000-0008-0000-0C00-000099F40000}"/>
            </a:ext>
          </a:extLst>
        </xdr:cNvPr>
        <xdr:cNvSpPr>
          <a:spLocks noChangeShapeType="1"/>
        </xdr:cNvSpPr>
      </xdr:nvSpPr>
      <xdr:spPr bwMode="auto">
        <a:xfrm>
          <a:off x="3253740" y="6149340"/>
          <a:ext cx="21336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236220</xdr:colOff>
      <xdr:row>10</xdr:row>
      <xdr:rowOff>190500</xdr:rowOff>
    </xdr:from>
    <xdr:to>
      <xdr:col>5</xdr:col>
      <xdr:colOff>236220</xdr:colOff>
      <xdr:row>21</xdr:row>
      <xdr:rowOff>198120</xdr:rowOff>
    </xdr:to>
    <xdr:sp macro="" textlink="">
      <xdr:nvSpPr>
        <xdr:cNvPr id="62618" name="Line 7">
          <a:extLst>
            <a:ext uri="{FF2B5EF4-FFF2-40B4-BE49-F238E27FC236}">
              <a16:creationId xmlns:a16="http://schemas.microsoft.com/office/drawing/2014/main" id="{00000000-0008-0000-0C00-00009AF40000}"/>
            </a:ext>
          </a:extLst>
        </xdr:cNvPr>
        <xdr:cNvSpPr>
          <a:spLocks noChangeShapeType="1"/>
        </xdr:cNvSpPr>
      </xdr:nvSpPr>
      <xdr:spPr bwMode="auto">
        <a:xfrm>
          <a:off x="3253740" y="2773680"/>
          <a:ext cx="0" cy="338328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52400</xdr:colOff>
      <xdr:row>15</xdr:row>
      <xdr:rowOff>289560</xdr:rowOff>
    </xdr:from>
    <xdr:to>
      <xdr:col>5</xdr:col>
      <xdr:colOff>228600</xdr:colOff>
      <xdr:row>15</xdr:row>
      <xdr:rowOff>289560</xdr:rowOff>
    </xdr:to>
    <xdr:sp macro="" textlink="">
      <xdr:nvSpPr>
        <xdr:cNvPr id="62619" name="Line 8">
          <a:extLst>
            <a:ext uri="{FF2B5EF4-FFF2-40B4-BE49-F238E27FC236}">
              <a16:creationId xmlns:a16="http://schemas.microsoft.com/office/drawing/2014/main" id="{00000000-0008-0000-0C00-00009BF40000}"/>
            </a:ext>
          </a:extLst>
        </xdr:cNvPr>
        <xdr:cNvSpPr>
          <a:spLocks noChangeShapeType="1"/>
        </xdr:cNvSpPr>
      </xdr:nvSpPr>
      <xdr:spPr bwMode="auto">
        <a:xfrm flipV="1">
          <a:off x="3169920" y="4465320"/>
          <a:ext cx="762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60020</xdr:colOff>
      <xdr:row>15</xdr:row>
      <xdr:rowOff>274320</xdr:rowOff>
    </xdr:from>
    <xdr:to>
      <xdr:col>5</xdr:col>
      <xdr:colOff>160020</xdr:colOff>
      <xdr:row>22</xdr:row>
      <xdr:rowOff>175260</xdr:rowOff>
    </xdr:to>
    <xdr:sp macro="" textlink="">
      <xdr:nvSpPr>
        <xdr:cNvPr id="62620" name="Line 9">
          <a:extLst>
            <a:ext uri="{FF2B5EF4-FFF2-40B4-BE49-F238E27FC236}">
              <a16:creationId xmlns:a16="http://schemas.microsoft.com/office/drawing/2014/main" id="{00000000-0008-0000-0C00-00009CF40000}"/>
            </a:ext>
          </a:extLst>
        </xdr:cNvPr>
        <xdr:cNvSpPr>
          <a:spLocks noChangeShapeType="1"/>
        </xdr:cNvSpPr>
      </xdr:nvSpPr>
      <xdr:spPr bwMode="auto">
        <a:xfrm>
          <a:off x="3177540" y="4450080"/>
          <a:ext cx="0" cy="198882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75260</xdr:colOff>
      <xdr:row>22</xdr:row>
      <xdr:rowOff>160020</xdr:rowOff>
    </xdr:from>
    <xdr:to>
      <xdr:col>5</xdr:col>
      <xdr:colOff>441960</xdr:colOff>
      <xdr:row>22</xdr:row>
      <xdr:rowOff>160020</xdr:rowOff>
    </xdr:to>
    <xdr:sp macro="" textlink="">
      <xdr:nvSpPr>
        <xdr:cNvPr id="62621" name="Line 10">
          <a:extLst>
            <a:ext uri="{FF2B5EF4-FFF2-40B4-BE49-F238E27FC236}">
              <a16:creationId xmlns:a16="http://schemas.microsoft.com/office/drawing/2014/main" id="{00000000-0008-0000-0C00-00009DF40000}"/>
            </a:ext>
          </a:extLst>
        </xdr:cNvPr>
        <xdr:cNvSpPr>
          <a:spLocks noChangeShapeType="1"/>
        </xdr:cNvSpPr>
      </xdr:nvSpPr>
      <xdr:spPr bwMode="auto">
        <a:xfrm flipV="1">
          <a:off x="3192780" y="6423660"/>
          <a:ext cx="26670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228600</xdr:colOff>
      <xdr:row>10</xdr:row>
      <xdr:rowOff>190500</xdr:rowOff>
    </xdr:from>
    <xdr:to>
      <xdr:col>6</xdr:col>
      <xdr:colOff>0</xdr:colOff>
      <xdr:row>10</xdr:row>
      <xdr:rowOff>190500</xdr:rowOff>
    </xdr:to>
    <xdr:sp macro="" textlink="">
      <xdr:nvSpPr>
        <xdr:cNvPr id="62622" name="Line 11">
          <a:extLst>
            <a:ext uri="{FF2B5EF4-FFF2-40B4-BE49-F238E27FC236}">
              <a16:creationId xmlns:a16="http://schemas.microsoft.com/office/drawing/2014/main" id="{00000000-0008-0000-0C00-00009EF40000}"/>
            </a:ext>
          </a:extLst>
        </xdr:cNvPr>
        <xdr:cNvSpPr>
          <a:spLocks noChangeShapeType="1"/>
        </xdr:cNvSpPr>
      </xdr:nvSpPr>
      <xdr:spPr bwMode="auto">
        <a:xfrm>
          <a:off x="3246120" y="2773680"/>
          <a:ext cx="2209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403860</xdr:colOff>
      <xdr:row>14</xdr:row>
      <xdr:rowOff>152400</xdr:rowOff>
    </xdr:from>
    <xdr:to>
      <xdr:col>5</xdr:col>
      <xdr:colOff>403860</xdr:colOff>
      <xdr:row>17</xdr:row>
      <xdr:rowOff>175260</xdr:rowOff>
    </xdr:to>
    <xdr:sp macro="" textlink="">
      <xdr:nvSpPr>
        <xdr:cNvPr id="62623" name="Line 12">
          <a:extLst>
            <a:ext uri="{FF2B5EF4-FFF2-40B4-BE49-F238E27FC236}">
              <a16:creationId xmlns:a16="http://schemas.microsoft.com/office/drawing/2014/main" id="{00000000-0008-0000-0C00-00009FF40000}"/>
            </a:ext>
          </a:extLst>
        </xdr:cNvPr>
        <xdr:cNvSpPr>
          <a:spLocks noChangeShapeType="1"/>
        </xdr:cNvSpPr>
      </xdr:nvSpPr>
      <xdr:spPr bwMode="auto">
        <a:xfrm>
          <a:off x="3421380" y="4038600"/>
          <a:ext cx="0" cy="89154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388620</xdr:colOff>
      <xdr:row>17</xdr:row>
      <xdr:rowOff>182880</xdr:rowOff>
    </xdr:from>
    <xdr:to>
      <xdr:col>6</xdr:col>
      <xdr:colOff>22860</xdr:colOff>
      <xdr:row>17</xdr:row>
      <xdr:rowOff>182880</xdr:rowOff>
    </xdr:to>
    <xdr:sp macro="" textlink="">
      <xdr:nvSpPr>
        <xdr:cNvPr id="62624" name="Line 13">
          <a:extLst>
            <a:ext uri="{FF2B5EF4-FFF2-40B4-BE49-F238E27FC236}">
              <a16:creationId xmlns:a16="http://schemas.microsoft.com/office/drawing/2014/main" id="{00000000-0008-0000-0C00-0000A0F40000}"/>
            </a:ext>
          </a:extLst>
        </xdr:cNvPr>
        <xdr:cNvSpPr>
          <a:spLocks noChangeShapeType="1"/>
        </xdr:cNvSpPr>
      </xdr:nvSpPr>
      <xdr:spPr bwMode="auto">
        <a:xfrm>
          <a:off x="3406140" y="4937760"/>
          <a:ext cx="838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403860</xdr:colOff>
      <xdr:row>14</xdr:row>
      <xdr:rowOff>160020</xdr:rowOff>
    </xdr:from>
    <xdr:to>
      <xdr:col>6</xdr:col>
      <xdr:colOff>0</xdr:colOff>
      <xdr:row>14</xdr:row>
      <xdr:rowOff>160020</xdr:rowOff>
    </xdr:to>
    <xdr:sp macro="" textlink="">
      <xdr:nvSpPr>
        <xdr:cNvPr id="62625" name="Line 14">
          <a:extLst>
            <a:ext uri="{FF2B5EF4-FFF2-40B4-BE49-F238E27FC236}">
              <a16:creationId xmlns:a16="http://schemas.microsoft.com/office/drawing/2014/main" id="{00000000-0008-0000-0C00-0000A1F40000}"/>
            </a:ext>
          </a:extLst>
        </xdr:cNvPr>
        <xdr:cNvSpPr>
          <a:spLocks noChangeShapeType="1"/>
        </xdr:cNvSpPr>
      </xdr:nvSpPr>
      <xdr:spPr bwMode="auto">
        <a:xfrm>
          <a:off x="3421380" y="4046220"/>
          <a:ext cx="457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403860</xdr:colOff>
      <xdr:row>15</xdr:row>
      <xdr:rowOff>175260</xdr:rowOff>
    </xdr:from>
    <xdr:to>
      <xdr:col>6</xdr:col>
      <xdr:colOff>0</xdr:colOff>
      <xdr:row>15</xdr:row>
      <xdr:rowOff>175260</xdr:rowOff>
    </xdr:to>
    <xdr:sp macro="" textlink="">
      <xdr:nvSpPr>
        <xdr:cNvPr id="62626" name="Line 15">
          <a:extLst>
            <a:ext uri="{FF2B5EF4-FFF2-40B4-BE49-F238E27FC236}">
              <a16:creationId xmlns:a16="http://schemas.microsoft.com/office/drawing/2014/main" id="{00000000-0008-0000-0C00-0000A2F40000}"/>
            </a:ext>
          </a:extLst>
        </xdr:cNvPr>
        <xdr:cNvSpPr>
          <a:spLocks noChangeShapeType="1"/>
        </xdr:cNvSpPr>
      </xdr:nvSpPr>
      <xdr:spPr bwMode="auto">
        <a:xfrm>
          <a:off x="3421380" y="4351020"/>
          <a:ext cx="457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403860</xdr:colOff>
      <xdr:row>16</xdr:row>
      <xdr:rowOff>160020</xdr:rowOff>
    </xdr:from>
    <xdr:to>
      <xdr:col>6</xdr:col>
      <xdr:colOff>7620</xdr:colOff>
      <xdr:row>16</xdr:row>
      <xdr:rowOff>160020</xdr:rowOff>
    </xdr:to>
    <xdr:sp macro="" textlink="">
      <xdr:nvSpPr>
        <xdr:cNvPr id="62627" name="Line 17">
          <a:extLst>
            <a:ext uri="{FF2B5EF4-FFF2-40B4-BE49-F238E27FC236}">
              <a16:creationId xmlns:a16="http://schemas.microsoft.com/office/drawing/2014/main" id="{00000000-0008-0000-0C00-0000A3F40000}"/>
            </a:ext>
          </a:extLst>
        </xdr:cNvPr>
        <xdr:cNvSpPr>
          <a:spLocks noChangeShapeType="1"/>
        </xdr:cNvSpPr>
      </xdr:nvSpPr>
      <xdr:spPr bwMode="auto">
        <a:xfrm>
          <a:off x="3421380" y="4625340"/>
          <a:ext cx="5334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342900</xdr:colOff>
      <xdr:row>13</xdr:row>
      <xdr:rowOff>190500</xdr:rowOff>
    </xdr:from>
    <xdr:to>
      <xdr:col>5</xdr:col>
      <xdr:colOff>342900</xdr:colOff>
      <xdr:row>16</xdr:row>
      <xdr:rowOff>45720</xdr:rowOff>
    </xdr:to>
    <xdr:sp macro="" textlink="">
      <xdr:nvSpPr>
        <xdr:cNvPr id="62628" name="Line 18">
          <a:extLst>
            <a:ext uri="{FF2B5EF4-FFF2-40B4-BE49-F238E27FC236}">
              <a16:creationId xmlns:a16="http://schemas.microsoft.com/office/drawing/2014/main" id="{00000000-0008-0000-0C00-0000A4F40000}"/>
            </a:ext>
          </a:extLst>
        </xdr:cNvPr>
        <xdr:cNvSpPr>
          <a:spLocks noChangeShapeType="1"/>
        </xdr:cNvSpPr>
      </xdr:nvSpPr>
      <xdr:spPr bwMode="auto">
        <a:xfrm>
          <a:off x="3360420" y="3688080"/>
          <a:ext cx="0" cy="82296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335280</xdr:colOff>
      <xdr:row>16</xdr:row>
      <xdr:rowOff>45720</xdr:rowOff>
    </xdr:from>
    <xdr:to>
      <xdr:col>5</xdr:col>
      <xdr:colOff>403860</xdr:colOff>
      <xdr:row>16</xdr:row>
      <xdr:rowOff>45720</xdr:rowOff>
    </xdr:to>
    <xdr:sp macro="" textlink="">
      <xdr:nvSpPr>
        <xdr:cNvPr id="62629" name="Line 19">
          <a:extLst>
            <a:ext uri="{FF2B5EF4-FFF2-40B4-BE49-F238E27FC236}">
              <a16:creationId xmlns:a16="http://schemas.microsoft.com/office/drawing/2014/main" id="{00000000-0008-0000-0C00-0000A5F40000}"/>
            </a:ext>
          </a:extLst>
        </xdr:cNvPr>
        <xdr:cNvSpPr>
          <a:spLocks noChangeShapeType="1"/>
        </xdr:cNvSpPr>
      </xdr:nvSpPr>
      <xdr:spPr bwMode="auto">
        <a:xfrm>
          <a:off x="3352800" y="4511040"/>
          <a:ext cx="685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342900</xdr:colOff>
      <xdr:row>13</xdr:row>
      <xdr:rowOff>198120</xdr:rowOff>
    </xdr:from>
    <xdr:to>
      <xdr:col>6</xdr:col>
      <xdr:colOff>7620</xdr:colOff>
      <xdr:row>13</xdr:row>
      <xdr:rowOff>198120</xdr:rowOff>
    </xdr:to>
    <xdr:sp macro="" textlink="">
      <xdr:nvSpPr>
        <xdr:cNvPr id="62630" name="Line 22">
          <a:extLst>
            <a:ext uri="{FF2B5EF4-FFF2-40B4-BE49-F238E27FC236}">
              <a16:creationId xmlns:a16="http://schemas.microsoft.com/office/drawing/2014/main" id="{00000000-0008-0000-0C00-0000A6F40000}"/>
            </a:ext>
          </a:extLst>
        </xdr:cNvPr>
        <xdr:cNvSpPr>
          <a:spLocks noChangeShapeType="1"/>
        </xdr:cNvSpPr>
      </xdr:nvSpPr>
      <xdr:spPr bwMode="auto">
        <a:xfrm>
          <a:off x="3360420" y="3695700"/>
          <a:ext cx="11430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xdr:col>
      <xdr:colOff>333375</xdr:colOff>
      <xdr:row>6</xdr:row>
      <xdr:rowOff>19050</xdr:rowOff>
    </xdr:from>
    <xdr:to>
      <xdr:col>19</xdr:col>
      <xdr:colOff>85725</xdr:colOff>
      <xdr:row>6</xdr:row>
      <xdr:rowOff>133350</xdr:rowOff>
    </xdr:to>
    <xdr:sp macro="" textlink="">
      <xdr:nvSpPr>
        <xdr:cNvPr id="16" name="テキスト ボックス 15">
          <a:extLst>
            <a:ext uri="{FF2B5EF4-FFF2-40B4-BE49-F238E27FC236}">
              <a16:creationId xmlns:a16="http://schemas.microsoft.com/office/drawing/2014/main" id="{00000000-0008-0000-0C00-000010000000}"/>
            </a:ext>
          </a:extLst>
        </xdr:cNvPr>
        <xdr:cNvSpPr txBox="1"/>
      </xdr:nvSpPr>
      <xdr:spPr>
        <a:xfrm>
          <a:off x="3800475" y="1390650"/>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twoCellAnchor>
    <xdr:from>
      <xdr:col>16</xdr:col>
      <xdr:colOff>161925</xdr:colOff>
      <xdr:row>6</xdr:row>
      <xdr:rowOff>9525</xdr:rowOff>
    </xdr:from>
    <xdr:to>
      <xdr:col>27</xdr:col>
      <xdr:colOff>659132</xdr:colOff>
      <xdr:row>6</xdr:row>
      <xdr:rowOff>123825</xdr:rowOff>
    </xdr:to>
    <xdr:sp macro="" textlink="">
      <xdr:nvSpPr>
        <xdr:cNvPr id="17" name="テキスト ボックス 16">
          <a:extLst>
            <a:ext uri="{FF2B5EF4-FFF2-40B4-BE49-F238E27FC236}">
              <a16:creationId xmlns:a16="http://schemas.microsoft.com/office/drawing/2014/main" id="{00000000-0008-0000-0C00-000011000000}"/>
            </a:ext>
          </a:extLst>
        </xdr:cNvPr>
        <xdr:cNvSpPr txBox="1"/>
      </xdr:nvSpPr>
      <xdr:spPr>
        <a:xfrm>
          <a:off x="6057900" y="1381125"/>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0</xdr:colOff>
      <xdr:row>0</xdr:row>
      <xdr:rowOff>0</xdr:rowOff>
    </xdr:from>
    <xdr:to>
      <xdr:col>12</xdr:col>
      <xdr:colOff>308615</xdr:colOff>
      <xdr:row>1</xdr:row>
      <xdr:rowOff>123825</xdr:rowOff>
    </xdr:to>
    <xdr:sp macro="" textlink="">
      <xdr:nvSpPr>
        <xdr:cNvPr id="2" name="Rectangle 1">
          <a:extLst>
            <a:ext uri="{FF2B5EF4-FFF2-40B4-BE49-F238E27FC236}">
              <a16:creationId xmlns:a16="http://schemas.microsoft.com/office/drawing/2014/main" id="{00000000-0008-0000-0D00-000002000000}"/>
            </a:ext>
          </a:extLst>
        </xdr:cNvPr>
        <xdr:cNvSpPr>
          <a:spLocks noChangeArrowheads="1"/>
        </xdr:cNvSpPr>
      </xdr:nvSpPr>
      <xdr:spPr bwMode="auto">
        <a:xfrm>
          <a:off x="0" y="0"/>
          <a:ext cx="4305300" cy="295275"/>
        </a:xfrm>
        <a:prstGeom prst="rect">
          <a:avLst/>
        </a:prstGeom>
        <a:solidFill>
          <a:srgbClr val="FFFFFF"/>
        </a:solidFill>
        <a:ln w="9525">
          <a:solidFill>
            <a:srgbClr val="000000"/>
          </a:solidFill>
          <a:miter lim="800000"/>
          <a:headEnd/>
          <a:tailEnd/>
        </a:ln>
      </xdr:spPr>
      <xdr:txBody>
        <a:bodyPr vertOverflow="clip" wrap="square" lIns="36576" tIns="22860" rIns="36576" bIns="22860" anchor="ctr" upright="1"/>
        <a:lstStyle/>
        <a:p>
          <a:pPr algn="ctr" rtl="0">
            <a:defRPr sz="1000"/>
          </a:pPr>
          <a:r>
            <a:rPr lang="ja-JP" altLang="en-US" sz="1600" b="0" i="0" u="none" strike="noStrike" baseline="0">
              <a:solidFill>
                <a:srgbClr val="000000"/>
              </a:solidFill>
              <a:latin typeface="ＭＳ ゴシック"/>
              <a:ea typeface="ＭＳ ゴシック"/>
            </a:rPr>
            <a:t>国会議員関係政治団体及び資金管理団体のみ</a:t>
          </a:r>
        </a:p>
      </xdr:txBody>
    </xdr:sp>
    <xdr:clientData/>
  </xdr:twoCellAnchor>
  <xdr:twoCellAnchor>
    <xdr:from>
      <xdr:col>1</xdr:col>
      <xdr:colOff>1655445</xdr:colOff>
      <xdr:row>5</xdr:row>
      <xdr:rowOff>1905</xdr:rowOff>
    </xdr:from>
    <xdr:to>
      <xdr:col>13</xdr:col>
      <xdr:colOff>85718</xdr:colOff>
      <xdr:row>5</xdr:row>
      <xdr:rowOff>116205</xdr:rowOff>
    </xdr:to>
    <xdr:sp macro="" textlink="">
      <xdr:nvSpPr>
        <xdr:cNvPr id="4" name="テキスト ボックス 3">
          <a:extLst>
            <a:ext uri="{FF2B5EF4-FFF2-40B4-BE49-F238E27FC236}">
              <a16:creationId xmlns:a16="http://schemas.microsoft.com/office/drawing/2014/main" id="{00000000-0008-0000-0D00-000004000000}"/>
            </a:ext>
          </a:extLst>
        </xdr:cNvPr>
        <xdr:cNvSpPr txBox="1"/>
      </xdr:nvSpPr>
      <xdr:spPr>
        <a:xfrm>
          <a:off x="1924050" y="1428750"/>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1</xdr:col>
      <xdr:colOff>1636395</xdr:colOff>
      <xdr:row>6</xdr:row>
      <xdr:rowOff>1905</xdr:rowOff>
    </xdr:from>
    <xdr:to>
      <xdr:col>13</xdr:col>
      <xdr:colOff>49554</xdr:colOff>
      <xdr:row>6</xdr:row>
      <xdr:rowOff>116205</xdr:rowOff>
    </xdr:to>
    <xdr:sp macro="" textlink="">
      <xdr:nvSpPr>
        <xdr:cNvPr id="3" name="テキスト ボックス 2">
          <a:extLst>
            <a:ext uri="{FF2B5EF4-FFF2-40B4-BE49-F238E27FC236}">
              <a16:creationId xmlns:a16="http://schemas.microsoft.com/office/drawing/2014/main" id="{00000000-0008-0000-0E00-000003000000}"/>
            </a:ext>
          </a:extLst>
        </xdr:cNvPr>
        <xdr:cNvSpPr txBox="1"/>
      </xdr:nvSpPr>
      <xdr:spPr>
        <a:xfrm>
          <a:off x="1905000" y="1371600"/>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1</xdr:col>
      <xdr:colOff>1275522</xdr:colOff>
      <xdr:row>4</xdr:row>
      <xdr:rowOff>16566</xdr:rowOff>
    </xdr:from>
    <xdr:to>
      <xdr:col>15</xdr:col>
      <xdr:colOff>178490</xdr:colOff>
      <xdr:row>4</xdr:row>
      <xdr:rowOff>138486</xdr:rowOff>
    </xdr:to>
    <xdr:sp macro="" textlink="">
      <xdr:nvSpPr>
        <xdr:cNvPr id="2" name="テキスト ボックス 1">
          <a:extLst>
            <a:ext uri="{FF2B5EF4-FFF2-40B4-BE49-F238E27FC236}">
              <a16:creationId xmlns:a16="http://schemas.microsoft.com/office/drawing/2014/main" id="{00000000-0008-0000-0F00-000002000000}"/>
            </a:ext>
          </a:extLst>
        </xdr:cNvPr>
        <xdr:cNvSpPr txBox="1"/>
      </xdr:nvSpPr>
      <xdr:spPr>
        <a:xfrm>
          <a:off x="1548848" y="1151283"/>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17.xml><?xml version="1.0" encoding="utf-8"?>
<xdr:wsDr xmlns:xdr="http://schemas.openxmlformats.org/drawingml/2006/spreadsheetDrawing" xmlns:a="http://schemas.openxmlformats.org/drawingml/2006/main">
  <xdr:twoCellAnchor>
    <xdr:from>
      <xdr:col>1</xdr:col>
      <xdr:colOff>2356038</xdr:colOff>
      <xdr:row>5</xdr:row>
      <xdr:rowOff>11205</xdr:rowOff>
    </xdr:from>
    <xdr:to>
      <xdr:col>12</xdr:col>
      <xdr:colOff>49549</xdr:colOff>
      <xdr:row>5</xdr:row>
      <xdr:rowOff>161925</xdr:rowOff>
    </xdr:to>
    <xdr:sp macro="" textlink="">
      <xdr:nvSpPr>
        <xdr:cNvPr id="2" name="テキスト ボックス 1">
          <a:extLst>
            <a:ext uri="{FF2B5EF4-FFF2-40B4-BE49-F238E27FC236}">
              <a16:creationId xmlns:a16="http://schemas.microsoft.com/office/drawing/2014/main" id="{00000000-0008-0000-1100-000002000000}"/>
            </a:ext>
          </a:extLst>
        </xdr:cNvPr>
        <xdr:cNvSpPr txBox="1"/>
      </xdr:nvSpPr>
      <xdr:spPr>
        <a:xfrm>
          <a:off x="2632263" y="1268505"/>
          <a:ext cx="2206438" cy="15072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twoCellAnchor>
    <xdr:from>
      <xdr:col>21</xdr:col>
      <xdr:colOff>9525</xdr:colOff>
      <xdr:row>4</xdr:row>
      <xdr:rowOff>276225</xdr:rowOff>
    </xdr:from>
    <xdr:to>
      <xdr:col>25</xdr:col>
      <xdr:colOff>76200</xdr:colOff>
      <xdr:row>5</xdr:row>
      <xdr:rowOff>123825</xdr:rowOff>
    </xdr:to>
    <xdr:sp macro="" textlink="">
      <xdr:nvSpPr>
        <xdr:cNvPr id="3" name="テキスト ボックス 2">
          <a:extLst>
            <a:ext uri="{FF2B5EF4-FFF2-40B4-BE49-F238E27FC236}">
              <a16:creationId xmlns:a16="http://schemas.microsoft.com/office/drawing/2014/main" id="{00000000-0008-0000-1100-000003000000}"/>
            </a:ext>
          </a:extLst>
        </xdr:cNvPr>
        <xdr:cNvSpPr txBox="1"/>
      </xdr:nvSpPr>
      <xdr:spPr>
        <a:xfrm>
          <a:off x="6610350" y="1209675"/>
          <a:ext cx="904875" cy="1714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千　　　　　 　 　　㎡　</a:t>
          </a:r>
        </a:p>
      </xdr:txBody>
    </xdr:sp>
    <xdr:clientData/>
  </xdr:twoCellAnchor>
</xdr:wsDr>
</file>

<file path=xl/drawings/drawing18.xml><?xml version="1.0" encoding="utf-8"?>
<xdr:wsDr xmlns:xdr="http://schemas.openxmlformats.org/drawingml/2006/spreadsheetDrawing" xmlns:a="http://schemas.openxmlformats.org/drawingml/2006/main">
  <xdr:twoCellAnchor>
    <xdr:from>
      <xdr:col>1</xdr:col>
      <xdr:colOff>2371725</xdr:colOff>
      <xdr:row>5</xdr:row>
      <xdr:rowOff>9525</xdr:rowOff>
    </xdr:from>
    <xdr:to>
      <xdr:col>12</xdr:col>
      <xdr:colOff>66675</xdr:colOff>
      <xdr:row>5</xdr:row>
      <xdr:rowOff>161925</xdr:rowOff>
    </xdr:to>
    <xdr:sp macro="" textlink="">
      <xdr:nvSpPr>
        <xdr:cNvPr id="3" name="テキスト ボックス 2">
          <a:extLst>
            <a:ext uri="{FF2B5EF4-FFF2-40B4-BE49-F238E27FC236}">
              <a16:creationId xmlns:a16="http://schemas.microsoft.com/office/drawing/2014/main" id="{00000000-0008-0000-1200-000003000000}"/>
            </a:ext>
          </a:extLst>
        </xdr:cNvPr>
        <xdr:cNvSpPr txBox="1"/>
      </xdr:nvSpPr>
      <xdr:spPr>
        <a:xfrm>
          <a:off x="2647950" y="1266825"/>
          <a:ext cx="2200275" cy="1524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twoCellAnchor>
    <xdr:from>
      <xdr:col>21</xdr:col>
      <xdr:colOff>38100</xdr:colOff>
      <xdr:row>4</xdr:row>
      <xdr:rowOff>285749</xdr:rowOff>
    </xdr:from>
    <xdr:to>
      <xdr:col>25</xdr:col>
      <xdr:colOff>85725</xdr:colOff>
      <xdr:row>5</xdr:row>
      <xdr:rowOff>152400</xdr:rowOff>
    </xdr:to>
    <xdr:sp macro="" textlink="">
      <xdr:nvSpPr>
        <xdr:cNvPr id="5" name="テキスト ボックス 4">
          <a:extLst>
            <a:ext uri="{FF2B5EF4-FFF2-40B4-BE49-F238E27FC236}">
              <a16:creationId xmlns:a16="http://schemas.microsoft.com/office/drawing/2014/main" id="{00000000-0008-0000-1200-000005000000}"/>
            </a:ext>
          </a:extLst>
        </xdr:cNvPr>
        <xdr:cNvSpPr txBox="1"/>
      </xdr:nvSpPr>
      <xdr:spPr>
        <a:xfrm>
          <a:off x="6638925" y="1219199"/>
          <a:ext cx="885825" cy="1905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千　　　　　 　 　　㎡　</a:t>
          </a:r>
        </a:p>
      </xdr:txBody>
    </xdr:sp>
    <xdr:clientData/>
  </xdr:twoCellAnchor>
</xdr:wsDr>
</file>

<file path=xl/drawings/drawing19.xml><?xml version="1.0" encoding="utf-8"?>
<xdr:wsDr xmlns:xdr="http://schemas.openxmlformats.org/drawingml/2006/spreadsheetDrawing" xmlns:a="http://schemas.openxmlformats.org/drawingml/2006/main">
  <xdr:twoCellAnchor>
    <xdr:from>
      <xdr:col>21</xdr:col>
      <xdr:colOff>47625</xdr:colOff>
      <xdr:row>4</xdr:row>
      <xdr:rowOff>295275</xdr:rowOff>
    </xdr:from>
    <xdr:to>
      <xdr:col>25</xdr:col>
      <xdr:colOff>87680</xdr:colOff>
      <xdr:row>5</xdr:row>
      <xdr:rowOff>142875</xdr:rowOff>
    </xdr:to>
    <xdr:sp macro="" textlink="">
      <xdr:nvSpPr>
        <xdr:cNvPr id="2" name="テキスト ボックス 1">
          <a:extLst>
            <a:ext uri="{FF2B5EF4-FFF2-40B4-BE49-F238E27FC236}">
              <a16:creationId xmlns:a16="http://schemas.microsoft.com/office/drawing/2014/main" id="{00000000-0008-0000-1300-000002000000}"/>
            </a:ext>
          </a:extLst>
        </xdr:cNvPr>
        <xdr:cNvSpPr txBox="1"/>
      </xdr:nvSpPr>
      <xdr:spPr>
        <a:xfrm>
          <a:off x="6648450" y="1228725"/>
          <a:ext cx="885825" cy="1714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千　　　　　 　 　　㎡　</a:t>
          </a:r>
        </a:p>
      </xdr:txBody>
    </xdr:sp>
    <xdr:clientData/>
  </xdr:twoCellAnchor>
  <xdr:twoCellAnchor>
    <xdr:from>
      <xdr:col>1</xdr:col>
      <xdr:colOff>2371725</xdr:colOff>
      <xdr:row>5</xdr:row>
      <xdr:rowOff>0</xdr:rowOff>
    </xdr:from>
    <xdr:to>
      <xdr:col>12</xdr:col>
      <xdr:colOff>66675</xdr:colOff>
      <xdr:row>5</xdr:row>
      <xdr:rowOff>152400</xdr:rowOff>
    </xdr:to>
    <xdr:sp macro="" textlink="">
      <xdr:nvSpPr>
        <xdr:cNvPr id="3" name="テキスト ボックス 2">
          <a:extLst>
            <a:ext uri="{FF2B5EF4-FFF2-40B4-BE49-F238E27FC236}">
              <a16:creationId xmlns:a16="http://schemas.microsoft.com/office/drawing/2014/main" id="{00000000-0008-0000-1300-000003000000}"/>
            </a:ext>
          </a:extLst>
        </xdr:cNvPr>
        <xdr:cNvSpPr txBox="1"/>
      </xdr:nvSpPr>
      <xdr:spPr>
        <a:xfrm>
          <a:off x="2647950" y="1257300"/>
          <a:ext cx="2200275" cy="1524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3009900</xdr:colOff>
      <xdr:row>4</xdr:row>
      <xdr:rowOff>175260</xdr:rowOff>
    </xdr:from>
    <xdr:to>
      <xdr:col>2</xdr:col>
      <xdr:colOff>0</xdr:colOff>
      <xdr:row>4</xdr:row>
      <xdr:rowOff>175260</xdr:rowOff>
    </xdr:to>
    <xdr:sp macro="" textlink="">
      <xdr:nvSpPr>
        <xdr:cNvPr id="63496" name="Line 47">
          <a:extLst>
            <a:ext uri="{FF2B5EF4-FFF2-40B4-BE49-F238E27FC236}">
              <a16:creationId xmlns:a16="http://schemas.microsoft.com/office/drawing/2014/main" id="{00000000-0008-0000-0100-000008F80000}"/>
            </a:ext>
          </a:extLst>
        </xdr:cNvPr>
        <xdr:cNvSpPr>
          <a:spLocks noChangeShapeType="1"/>
        </xdr:cNvSpPr>
      </xdr:nvSpPr>
      <xdr:spPr bwMode="auto">
        <a:xfrm flipV="1">
          <a:off x="3246120" y="1104900"/>
          <a:ext cx="1600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09900</xdr:colOff>
      <xdr:row>5</xdr:row>
      <xdr:rowOff>144780</xdr:rowOff>
    </xdr:from>
    <xdr:to>
      <xdr:col>2</xdr:col>
      <xdr:colOff>0</xdr:colOff>
      <xdr:row>5</xdr:row>
      <xdr:rowOff>144780</xdr:rowOff>
    </xdr:to>
    <xdr:sp macro="" textlink="">
      <xdr:nvSpPr>
        <xdr:cNvPr id="63497" name="Line 48">
          <a:extLst>
            <a:ext uri="{FF2B5EF4-FFF2-40B4-BE49-F238E27FC236}">
              <a16:creationId xmlns:a16="http://schemas.microsoft.com/office/drawing/2014/main" id="{00000000-0008-0000-0100-000009F80000}"/>
            </a:ext>
          </a:extLst>
        </xdr:cNvPr>
        <xdr:cNvSpPr>
          <a:spLocks noChangeShapeType="1"/>
        </xdr:cNvSpPr>
      </xdr:nvSpPr>
      <xdr:spPr bwMode="auto">
        <a:xfrm>
          <a:off x="3246120" y="1379220"/>
          <a:ext cx="1600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17520</xdr:colOff>
      <xdr:row>4</xdr:row>
      <xdr:rowOff>160020</xdr:rowOff>
    </xdr:from>
    <xdr:to>
      <xdr:col>1</xdr:col>
      <xdr:colOff>3017520</xdr:colOff>
      <xdr:row>5</xdr:row>
      <xdr:rowOff>152400</xdr:rowOff>
    </xdr:to>
    <xdr:sp macro="" textlink="">
      <xdr:nvSpPr>
        <xdr:cNvPr id="63498" name="Line 49">
          <a:extLst>
            <a:ext uri="{FF2B5EF4-FFF2-40B4-BE49-F238E27FC236}">
              <a16:creationId xmlns:a16="http://schemas.microsoft.com/office/drawing/2014/main" id="{00000000-0008-0000-0100-00000AF80000}"/>
            </a:ext>
          </a:extLst>
        </xdr:cNvPr>
        <xdr:cNvSpPr>
          <a:spLocks noChangeShapeType="1"/>
        </xdr:cNvSpPr>
      </xdr:nvSpPr>
      <xdr:spPr bwMode="auto">
        <a:xfrm flipH="1">
          <a:off x="3253740" y="1089660"/>
          <a:ext cx="0" cy="29718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72740</xdr:colOff>
      <xdr:row>5</xdr:row>
      <xdr:rowOff>7620</xdr:rowOff>
    </xdr:from>
    <xdr:to>
      <xdr:col>1</xdr:col>
      <xdr:colOff>3017520</xdr:colOff>
      <xdr:row>5</xdr:row>
      <xdr:rowOff>7620</xdr:rowOff>
    </xdr:to>
    <xdr:sp macro="" textlink="">
      <xdr:nvSpPr>
        <xdr:cNvPr id="63499" name="Line 50">
          <a:extLst>
            <a:ext uri="{FF2B5EF4-FFF2-40B4-BE49-F238E27FC236}">
              <a16:creationId xmlns:a16="http://schemas.microsoft.com/office/drawing/2014/main" id="{00000000-0008-0000-0100-00000BF80000}"/>
            </a:ext>
          </a:extLst>
        </xdr:cNvPr>
        <xdr:cNvSpPr>
          <a:spLocks noChangeShapeType="1"/>
        </xdr:cNvSpPr>
      </xdr:nvSpPr>
      <xdr:spPr bwMode="auto">
        <a:xfrm>
          <a:off x="3108960" y="1242060"/>
          <a:ext cx="1447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87980</xdr:colOff>
      <xdr:row>3</xdr:row>
      <xdr:rowOff>144780</xdr:rowOff>
    </xdr:from>
    <xdr:to>
      <xdr:col>1</xdr:col>
      <xdr:colOff>2887980</xdr:colOff>
      <xdr:row>5</xdr:row>
      <xdr:rowOff>22860</xdr:rowOff>
    </xdr:to>
    <xdr:sp macro="" textlink="">
      <xdr:nvSpPr>
        <xdr:cNvPr id="63500" name="Line 51">
          <a:extLst>
            <a:ext uri="{FF2B5EF4-FFF2-40B4-BE49-F238E27FC236}">
              <a16:creationId xmlns:a16="http://schemas.microsoft.com/office/drawing/2014/main" id="{00000000-0008-0000-0100-00000CF80000}"/>
            </a:ext>
          </a:extLst>
        </xdr:cNvPr>
        <xdr:cNvSpPr>
          <a:spLocks noChangeShapeType="1"/>
        </xdr:cNvSpPr>
      </xdr:nvSpPr>
      <xdr:spPr bwMode="auto">
        <a:xfrm flipV="1">
          <a:off x="3124200" y="769620"/>
          <a:ext cx="0" cy="48768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72740</xdr:colOff>
      <xdr:row>3</xdr:row>
      <xdr:rowOff>152400</xdr:rowOff>
    </xdr:from>
    <xdr:to>
      <xdr:col>1</xdr:col>
      <xdr:colOff>3154680</xdr:colOff>
      <xdr:row>3</xdr:row>
      <xdr:rowOff>152400</xdr:rowOff>
    </xdr:to>
    <xdr:sp macro="" textlink="">
      <xdr:nvSpPr>
        <xdr:cNvPr id="63501" name="Line 52">
          <a:extLst>
            <a:ext uri="{FF2B5EF4-FFF2-40B4-BE49-F238E27FC236}">
              <a16:creationId xmlns:a16="http://schemas.microsoft.com/office/drawing/2014/main" id="{00000000-0008-0000-0100-00000DF80000}"/>
            </a:ext>
          </a:extLst>
        </xdr:cNvPr>
        <xdr:cNvSpPr>
          <a:spLocks noChangeShapeType="1"/>
        </xdr:cNvSpPr>
      </xdr:nvSpPr>
      <xdr:spPr bwMode="auto">
        <a:xfrm>
          <a:off x="3108960" y="777240"/>
          <a:ext cx="28194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3009900</xdr:colOff>
      <xdr:row>16</xdr:row>
      <xdr:rowOff>152400</xdr:rowOff>
    </xdr:from>
    <xdr:to>
      <xdr:col>2</xdr:col>
      <xdr:colOff>0</xdr:colOff>
      <xdr:row>16</xdr:row>
      <xdr:rowOff>152400</xdr:rowOff>
    </xdr:to>
    <xdr:sp macro="" textlink="">
      <xdr:nvSpPr>
        <xdr:cNvPr id="63502" name="Line 53">
          <a:extLst>
            <a:ext uri="{FF2B5EF4-FFF2-40B4-BE49-F238E27FC236}">
              <a16:creationId xmlns:a16="http://schemas.microsoft.com/office/drawing/2014/main" id="{00000000-0008-0000-0100-00000EF80000}"/>
            </a:ext>
          </a:extLst>
        </xdr:cNvPr>
        <xdr:cNvSpPr>
          <a:spLocks noChangeShapeType="1"/>
        </xdr:cNvSpPr>
      </xdr:nvSpPr>
      <xdr:spPr bwMode="auto">
        <a:xfrm>
          <a:off x="3246120" y="4061460"/>
          <a:ext cx="1600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02280</xdr:colOff>
      <xdr:row>18</xdr:row>
      <xdr:rowOff>175260</xdr:rowOff>
    </xdr:from>
    <xdr:to>
      <xdr:col>2</xdr:col>
      <xdr:colOff>0</xdr:colOff>
      <xdr:row>18</xdr:row>
      <xdr:rowOff>175260</xdr:rowOff>
    </xdr:to>
    <xdr:sp macro="" textlink="">
      <xdr:nvSpPr>
        <xdr:cNvPr id="63503" name="Line 54">
          <a:extLst>
            <a:ext uri="{FF2B5EF4-FFF2-40B4-BE49-F238E27FC236}">
              <a16:creationId xmlns:a16="http://schemas.microsoft.com/office/drawing/2014/main" id="{00000000-0008-0000-0100-00000FF80000}"/>
            </a:ext>
          </a:extLst>
        </xdr:cNvPr>
        <xdr:cNvSpPr>
          <a:spLocks noChangeShapeType="1"/>
        </xdr:cNvSpPr>
      </xdr:nvSpPr>
      <xdr:spPr bwMode="auto">
        <a:xfrm>
          <a:off x="3238500" y="4693920"/>
          <a:ext cx="16764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02280</xdr:colOff>
      <xdr:row>19</xdr:row>
      <xdr:rowOff>182880</xdr:rowOff>
    </xdr:from>
    <xdr:to>
      <xdr:col>2</xdr:col>
      <xdr:colOff>0</xdr:colOff>
      <xdr:row>19</xdr:row>
      <xdr:rowOff>182880</xdr:rowOff>
    </xdr:to>
    <xdr:sp macro="" textlink="">
      <xdr:nvSpPr>
        <xdr:cNvPr id="63504" name="Line 55">
          <a:extLst>
            <a:ext uri="{FF2B5EF4-FFF2-40B4-BE49-F238E27FC236}">
              <a16:creationId xmlns:a16="http://schemas.microsoft.com/office/drawing/2014/main" id="{00000000-0008-0000-0100-000010F80000}"/>
            </a:ext>
          </a:extLst>
        </xdr:cNvPr>
        <xdr:cNvSpPr>
          <a:spLocks noChangeShapeType="1"/>
        </xdr:cNvSpPr>
      </xdr:nvSpPr>
      <xdr:spPr bwMode="auto">
        <a:xfrm>
          <a:off x="3238500" y="5006340"/>
          <a:ext cx="16764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09900</xdr:colOff>
      <xdr:row>16</xdr:row>
      <xdr:rowOff>144780</xdr:rowOff>
    </xdr:from>
    <xdr:to>
      <xdr:col>1</xdr:col>
      <xdr:colOff>3009900</xdr:colOff>
      <xdr:row>19</xdr:row>
      <xdr:rowOff>190500</xdr:rowOff>
    </xdr:to>
    <xdr:sp macro="" textlink="">
      <xdr:nvSpPr>
        <xdr:cNvPr id="63505" name="Line 56">
          <a:extLst>
            <a:ext uri="{FF2B5EF4-FFF2-40B4-BE49-F238E27FC236}">
              <a16:creationId xmlns:a16="http://schemas.microsoft.com/office/drawing/2014/main" id="{00000000-0008-0000-0100-000011F80000}"/>
            </a:ext>
          </a:extLst>
        </xdr:cNvPr>
        <xdr:cNvSpPr>
          <a:spLocks noChangeShapeType="1"/>
        </xdr:cNvSpPr>
      </xdr:nvSpPr>
      <xdr:spPr bwMode="auto">
        <a:xfrm flipH="1">
          <a:off x="3246120" y="4053840"/>
          <a:ext cx="0" cy="96012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57500</xdr:colOff>
      <xdr:row>18</xdr:row>
      <xdr:rowOff>0</xdr:rowOff>
    </xdr:from>
    <xdr:to>
      <xdr:col>1</xdr:col>
      <xdr:colOff>3002280</xdr:colOff>
      <xdr:row>18</xdr:row>
      <xdr:rowOff>0</xdr:rowOff>
    </xdr:to>
    <xdr:sp macro="" textlink="">
      <xdr:nvSpPr>
        <xdr:cNvPr id="63506" name="Line 57">
          <a:extLst>
            <a:ext uri="{FF2B5EF4-FFF2-40B4-BE49-F238E27FC236}">
              <a16:creationId xmlns:a16="http://schemas.microsoft.com/office/drawing/2014/main" id="{00000000-0008-0000-0100-000012F80000}"/>
            </a:ext>
          </a:extLst>
        </xdr:cNvPr>
        <xdr:cNvSpPr>
          <a:spLocks noChangeShapeType="1"/>
        </xdr:cNvSpPr>
      </xdr:nvSpPr>
      <xdr:spPr bwMode="auto">
        <a:xfrm>
          <a:off x="3093720" y="4518660"/>
          <a:ext cx="1447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65120</xdr:colOff>
      <xdr:row>17</xdr:row>
      <xdr:rowOff>297180</xdr:rowOff>
    </xdr:from>
    <xdr:to>
      <xdr:col>1</xdr:col>
      <xdr:colOff>2865120</xdr:colOff>
      <xdr:row>20</xdr:row>
      <xdr:rowOff>83820</xdr:rowOff>
    </xdr:to>
    <xdr:sp macro="" textlink="">
      <xdr:nvSpPr>
        <xdr:cNvPr id="63507" name="Line 58">
          <a:extLst>
            <a:ext uri="{FF2B5EF4-FFF2-40B4-BE49-F238E27FC236}">
              <a16:creationId xmlns:a16="http://schemas.microsoft.com/office/drawing/2014/main" id="{00000000-0008-0000-0100-000013F80000}"/>
            </a:ext>
          </a:extLst>
        </xdr:cNvPr>
        <xdr:cNvSpPr>
          <a:spLocks noChangeShapeType="1"/>
        </xdr:cNvSpPr>
      </xdr:nvSpPr>
      <xdr:spPr bwMode="auto">
        <a:xfrm>
          <a:off x="3101340" y="4511040"/>
          <a:ext cx="0" cy="70104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57500</xdr:colOff>
      <xdr:row>20</xdr:row>
      <xdr:rowOff>76200</xdr:rowOff>
    </xdr:from>
    <xdr:to>
      <xdr:col>2</xdr:col>
      <xdr:colOff>7620</xdr:colOff>
      <xdr:row>20</xdr:row>
      <xdr:rowOff>76200</xdr:rowOff>
    </xdr:to>
    <xdr:sp macro="" textlink="">
      <xdr:nvSpPr>
        <xdr:cNvPr id="63508" name="Line 59">
          <a:extLst>
            <a:ext uri="{FF2B5EF4-FFF2-40B4-BE49-F238E27FC236}">
              <a16:creationId xmlns:a16="http://schemas.microsoft.com/office/drawing/2014/main" id="{00000000-0008-0000-0100-000014F80000}"/>
            </a:ext>
          </a:extLst>
        </xdr:cNvPr>
        <xdr:cNvSpPr>
          <a:spLocks noChangeShapeType="1"/>
        </xdr:cNvSpPr>
      </xdr:nvSpPr>
      <xdr:spPr bwMode="auto">
        <a:xfrm>
          <a:off x="3093720" y="5204460"/>
          <a:ext cx="32004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3025140</xdr:colOff>
      <xdr:row>20</xdr:row>
      <xdr:rowOff>228600</xdr:rowOff>
    </xdr:from>
    <xdr:to>
      <xdr:col>2</xdr:col>
      <xdr:colOff>0</xdr:colOff>
      <xdr:row>20</xdr:row>
      <xdr:rowOff>228600</xdr:rowOff>
    </xdr:to>
    <xdr:sp macro="" textlink="">
      <xdr:nvSpPr>
        <xdr:cNvPr id="63509" name="Line 62">
          <a:extLst>
            <a:ext uri="{FF2B5EF4-FFF2-40B4-BE49-F238E27FC236}">
              <a16:creationId xmlns:a16="http://schemas.microsoft.com/office/drawing/2014/main" id="{00000000-0008-0000-0100-000015F80000}"/>
            </a:ext>
          </a:extLst>
        </xdr:cNvPr>
        <xdr:cNvSpPr>
          <a:spLocks noChangeShapeType="1"/>
        </xdr:cNvSpPr>
      </xdr:nvSpPr>
      <xdr:spPr bwMode="auto">
        <a:xfrm>
          <a:off x="3261360" y="5356860"/>
          <a:ext cx="1447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25140</xdr:colOff>
      <xdr:row>22</xdr:row>
      <xdr:rowOff>160020</xdr:rowOff>
    </xdr:from>
    <xdr:to>
      <xdr:col>2</xdr:col>
      <xdr:colOff>0</xdr:colOff>
      <xdr:row>22</xdr:row>
      <xdr:rowOff>160020</xdr:rowOff>
    </xdr:to>
    <xdr:sp macro="" textlink="">
      <xdr:nvSpPr>
        <xdr:cNvPr id="63510" name="Line 63">
          <a:extLst>
            <a:ext uri="{FF2B5EF4-FFF2-40B4-BE49-F238E27FC236}">
              <a16:creationId xmlns:a16="http://schemas.microsoft.com/office/drawing/2014/main" id="{00000000-0008-0000-0100-000016F80000}"/>
            </a:ext>
          </a:extLst>
        </xdr:cNvPr>
        <xdr:cNvSpPr>
          <a:spLocks noChangeShapeType="1"/>
        </xdr:cNvSpPr>
      </xdr:nvSpPr>
      <xdr:spPr bwMode="auto">
        <a:xfrm>
          <a:off x="3261360" y="5897880"/>
          <a:ext cx="14478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65120</xdr:colOff>
      <xdr:row>21</xdr:row>
      <xdr:rowOff>160020</xdr:rowOff>
    </xdr:from>
    <xdr:to>
      <xdr:col>1</xdr:col>
      <xdr:colOff>3025140</xdr:colOff>
      <xdr:row>21</xdr:row>
      <xdr:rowOff>160020</xdr:rowOff>
    </xdr:to>
    <xdr:sp macro="" textlink="">
      <xdr:nvSpPr>
        <xdr:cNvPr id="63511" name="Line 65">
          <a:extLst>
            <a:ext uri="{FF2B5EF4-FFF2-40B4-BE49-F238E27FC236}">
              <a16:creationId xmlns:a16="http://schemas.microsoft.com/office/drawing/2014/main" id="{00000000-0008-0000-0100-000017F80000}"/>
            </a:ext>
          </a:extLst>
        </xdr:cNvPr>
        <xdr:cNvSpPr>
          <a:spLocks noChangeShapeType="1"/>
        </xdr:cNvSpPr>
      </xdr:nvSpPr>
      <xdr:spPr bwMode="auto">
        <a:xfrm>
          <a:off x="3101340" y="5593080"/>
          <a:ext cx="16002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72740</xdr:colOff>
      <xdr:row>23</xdr:row>
      <xdr:rowOff>144780</xdr:rowOff>
    </xdr:from>
    <xdr:to>
      <xdr:col>1</xdr:col>
      <xdr:colOff>3147060</xdr:colOff>
      <xdr:row>23</xdr:row>
      <xdr:rowOff>144780</xdr:rowOff>
    </xdr:to>
    <xdr:sp macro="" textlink="">
      <xdr:nvSpPr>
        <xdr:cNvPr id="63512" name="Line 67">
          <a:extLst>
            <a:ext uri="{FF2B5EF4-FFF2-40B4-BE49-F238E27FC236}">
              <a16:creationId xmlns:a16="http://schemas.microsoft.com/office/drawing/2014/main" id="{00000000-0008-0000-0100-000018F80000}"/>
            </a:ext>
          </a:extLst>
        </xdr:cNvPr>
        <xdr:cNvSpPr>
          <a:spLocks noChangeShapeType="1"/>
        </xdr:cNvSpPr>
      </xdr:nvSpPr>
      <xdr:spPr bwMode="auto">
        <a:xfrm>
          <a:off x="3108960" y="6187440"/>
          <a:ext cx="27432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2865120</xdr:colOff>
      <xdr:row>21</xdr:row>
      <xdr:rowOff>152400</xdr:rowOff>
    </xdr:from>
    <xdr:to>
      <xdr:col>1</xdr:col>
      <xdr:colOff>2865120</xdr:colOff>
      <xdr:row>23</xdr:row>
      <xdr:rowOff>152400</xdr:rowOff>
    </xdr:to>
    <xdr:sp macro="" textlink="">
      <xdr:nvSpPr>
        <xdr:cNvPr id="63513" name="Line 68">
          <a:extLst>
            <a:ext uri="{FF2B5EF4-FFF2-40B4-BE49-F238E27FC236}">
              <a16:creationId xmlns:a16="http://schemas.microsoft.com/office/drawing/2014/main" id="{00000000-0008-0000-0100-000019F80000}"/>
            </a:ext>
          </a:extLst>
        </xdr:cNvPr>
        <xdr:cNvSpPr>
          <a:spLocks noChangeShapeType="1"/>
        </xdr:cNvSpPr>
      </xdr:nvSpPr>
      <xdr:spPr bwMode="auto">
        <a:xfrm>
          <a:off x="3101340" y="5585460"/>
          <a:ext cx="0" cy="60960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3025140</xdr:colOff>
      <xdr:row>20</xdr:row>
      <xdr:rowOff>220980</xdr:rowOff>
    </xdr:from>
    <xdr:to>
      <xdr:col>1</xdr:col>
      <xdr:colOff>3040380</xdr:colOff>
      <xdr:row>22</xdr:row>
      <xdr:rowOff>175260</xdr:rowOff>
    </xdr:to>
    <xdr:sp macro="" textlink="">
      <xdr:nvSpPr>
        <xdr:cNvPr id="63514" name="Line 69">
          <a:extLst>
            <a:ext uri="{FF2B5EF4-FFF2-40B4-BE49-F238E27FC236}">
              <a16:creationId xmlns:a16="http://schemas.microsoft.com/office/drawing/2014/main" id="{00000000-0008-0000-0100-00001AF80000}"/>
            </a:ext>
          </a:extLst>
        </xdr:cNvPr>
        <xdr:cNvSpPr>
          <a:spLocks noChangeShapeType="1"/>
        </xdr:cNvSpPr>
      </xdr:nvSpPr>
      <xdr:spPr bwMode="auto">
        <a:xfrm>
          <a:off x="3261360" y="5349240"/>
          <a:ext cx="15240" cy="56388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428624</xdr:colOff>
      <xdr:row>3</xdr:row>
      <xdr:rowOff>9526</xdr:rowOff>
    </xdr:from>
    <xdr:to>
      <xdr:col>13</xdr:col>
      <xdr:colOff>66674</xdr:colOff>
      <xdr:row>3</xdr:row>
      <xdr:rowOff>123826</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3838574" y="647701"/>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twoCellAnchor>
    <xdr:from>
      <xdr:col>3</xdr:col>
      <xdr:colOff>11430</xdr:colOff>
      <xdr:row>11</xdr:row>
      <xdr:rowOff>9525</xdr:rowOff>
    </xdr:from>
    <xdr:to>
      <xdr:col>13</xdr:col>
      <xdr:colOff>85741</xdr:colOff>
      <xdr:row>11</xdr:row>
      <xdr:rowOff>123825</xdr:rowOff>
    </xdr:to>
    <xdr:sp macro="" textlink="">
      <xdr:nvSpPr>
        <xdr:cNvPr id="23" name="テキスト ボックス 22">
          <a:extLst>
            <a:ext uri="{FF2B5EF4-FFF2-40B4-BE49-F238E27FC236}">
              <a16:creationId xmlns:a16="http://schemas.microsoft.com/office/drawing/2014/main" id="{00000000-0008-0000-0100-000017000000}"/>
            </a:ext>
          </a:extLst>
        </xdr:cNvPr>
        <xdr:cNvSpPr txBox="1"/>
      </xdr:nvSpPr>
      <xdr:spPr>
        <a:xfrm>
          <a:off x="3857625" y="2790825"/>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twoCellAnchor>
    <xdr:from>
      <xdr:col>3</xdr:col>
      <xdr:colOff>9525</xdr:colOff>
      <xdr:row>16</xdr:row>
      <xdr:rowOff>9525</xdr:rowOff>
    </xdr:from>
    <xdr:to>
      <xdr:col>13</xdr:col>
      <xdr:colOff>76200</xdr:colOff>
      <xdr:row>16</xdr:row>
      <xdr:rowOff>123825</xdr:rowOff>
    </xdr:to>
    <xdr:sp macro="" textlink="">
      <xdr:nvSpPr>
        <xdr:cNvPr id="24" name="テキスト ボックス 23">
          <a:extLst>
            <a:ext uri="{FF2B5EF4-FFF2-40B4-BE49-F238E27FC236}">
              <a16:creationId xmlns:a16="http://schemas.microsoft.com/office/drawing/2014/main" id="{00000000-0008-0000-0100-000018000000}"/>
            </a:ext>
          </a:extLst>
        </xdr:cNvPr>
        <xdr:cNvSpPr txBox="1"/>
      </xdr:nvSpPr>
      <xdr:spPr>
        <a:xfrm>
          <a:off x="3848100" y="3952875"/>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twoCellAnchor>
    <xdr:from>
      <xdr:col>12</xdr:col>
      <xdr:colOff>66676</xdr:colOff>
      <xdr:row>11</xdr:row>
      <xdr:rowOff>295275</xdr:rowOff>
    </xdr:from>
    <xdr:to>
      <xdr:col>13</xdr:col>
      <xdr:colOff>19051</xdr:colOff>
      <xdr:row>12</xdr:row>
      <xdr:rowOff>180975</xdr:rowOff>
    </xdr:to>
    <xdr:sp macro="" textlink="">
      <xdr:nvSpPr>
        <xdr:cNvPr id="26" name="テキスト ボックス 25">
          <a:extLst>
            <a:ext uri="{FF2B5EF4-FFF2-40B4-BE49-F238E27FC236}">
              <a16:creationId xmlns:a16="http://schemas.microsoft.com/office/drawing/2014/main" id="{00000000-0008-0000-0100-00001A000000}"/>
            </a:ext>
          </a:extLst>
        </xdr:cNvPr>
        <xdr:cNvSpPr txBox="1"/>
      </xdr:nvSpPr>
      <xdr:spPr>
        <a:xfrm>
          <a:off x="6391276" y="3076575"/>
          <a:ext cx="228600" cy="1905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人</a:t>
          </a:r>
        </a:p>
      </xdr:txBody>
    </xdr:sp>
    <xdr:clientData/>
  </xdr:twoCellAnchor>
</xdr:wsDr>
</file>

<file path=xl/drawings/drawing20.xml><?xml version="1.0" encoding="utf-8"?>
<xdr:wsDr xmlns:xdr="http://schemas.openxmlformats.org/drawingml/2006/spreadsheetDrawing" xmlns:a="http://schemas.openxmlformats.org/drawingml/2006/main">
  <xdr:twoCellAnchor>
    <xdr:from>
      <xdr:col>1</xdr:col>
      <xdr:colOff>2364441</xdr:colOff>
      <xdr:row>4</xdr:row>
      <xdr:rowOff>313765</xdr:rowOff>
    </xdr:from>
    <xdr:to>
      <xdr:col>12</xdr:col>
      <xdr:colOff>99391</xdr:colOff>
      <xdr:row>5</xdr:row>
      <xdr:rowOff>132522</xdr:rowOff>
    </xdr:to>
    <xdr:sp macro="" textlink="">
      <xdr:nvSpPr>
        <xdr:cNvPr id="2" name="テキスト ボックス 1">
          <a:extLst>
            <a:ext uri="{FF2B5EF4-FFF2-40B4-BE49-F238E27FC236}">
              <a16:creationId xmlns:a16="http://schemas.microsoft.com/office/drawing/2014/main" id="{00000000-0008-0000-1400-000002000000}"/>
            </a:ext>
          </a:extLst>
        </xdr:cNvPr>
        <xdr:cNvSpPr txBox="1"/>
      </xdr:nvSpPr>
      <xdr:spPr>
        <a:xfrm>
          <a:off x="2637767" y="1257982"/>
          <a:ext cx="2215841" cy="14177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twoCellAnchor>
    <xdr:from>
      <xdr:col>21</xdr:col>
      <xdr:colOff>44099</xdr:colOff>
      <xdr:row>4</xdr:row>
      <xdr:rowOff>294650</xdr:rowOff>
    </xdr:from>
    <xdr:to>
      <xdr:col>25</xdr:col>
      <xdr:colOff>194990</xdr:colOff>
      <xdr:row>5</xdr:row>
      <xdr:rowOff>156412</xdr:rowOff>
    </xdr:to>
    <xdr:sp macro="" textlink="">
      <xdr:nvSpPr>
        <xdr:cNvPr id="3" name="テキスト ボックス 2">
          <a:extLst>
            <a:ext uri="{FF2B5EF4-FFF2-40B4-BE49-F238E27FC236}">
              <a16:creationId xmlns:a16="http://schemas.microsoft.com/office/drawing/2014/main" id="{00000000-0008-0000-1400-000003000000}"/>
            </a:ext>
          </a:extLst>
        </xdr:cNvPr>
        <xdr:cNvSpPr txBox="1"/>
      </xdr:nvSpPr>
      <xdr:spPr>
        <a:xfrm>
          <a:off x="6675257" y="1225169"/>
          <a:ext cx="993165" cy="1841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千　　　　　 　 　　個　</a:t>
          </a:r>
        </a:p>
      </xdr:txBody>
    </xdr:sp>
    <xdr:clientData/>
  </xdr:twoCellAnchor>
</xdr:wsDr>
</file>

<file path=xl/drawings/drawing21.xml><?xml version="1.0" encoding="utf-8"?>
<xdr:wsDr xmlns:xdr="http://schemas.openxmlformats.org/drawingml/2006/spreadsheetDrawing" xmlns:a="http://schemas.openxmlformats.org/drawingml/2006/main">
  <xdr:twoCellAnchor>
    <xdr:from>
      <xdr:col>2</xdr:col>
      <xdr:colOff>1019175</xdr:colOff>
      <xdr:row>5</xdr:row>
      <xdr:rowOff>0</xdr:rowOff>
    </xdr:from>
    <xdr:to>
      <xdr:col>13</xdr:col>
      <xdr:colOff>117665</xdr:colOff>
      <xdr:row>5</xdr:row>
      <xdr:rowOff>148983</xdr:rowOff>
    </xdr:to>
    <xdr:sp macro="" textlink="">
      <xdr:nvSpPr>
        <xdr:cNvPr id="2" name="テキスト ボックス 1">
          <a:extLst>
            <a:ext uri="{FF2B5EF4-FFF2-40B4-BE49-F238E27FC236}">
              <a16:creationId xmlns:a16="http://schemas.microsoft.com/office/drawing/2014/main" id="{00000000-0008-0000-1500-000002000000}"/>
            </a:ext>
          </a:extLst>
        </xdr:cNvPr>
        <xdr:cNvSpPr txBox="1"/>
      </xdr:nvSpPr>
      <xdr:spPr>
        <a:xfrm>
          <a:off x="4010025" y="1257300"/>
          <a:ext cx="2270315" cy="141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22.xml><?xml version="1.0" encoding="utf-8"?>
<xdr:wsDr xmlns:xdr="http://schemas.openxmlformats.org/drawingml/2006/spreadsheetDrawing" xmlns:a="http://schemas.openxmlformats.org/drawingml/2006/main">
  <xdr:twoCellAnchor>
    <xdr:from>
      <xdr:col>15</xdr:col>
      <xdr:colOff>106680</xdr:colOff>
      <xdr:row>2</xdr:row>
      <xdr:rowOff>213360</xdr:rowOff>
    </xdr:from>
    <xdr:to>
      <xdr:col>15</xdr:col>
      <xdr:colOff>106680</xdr:colOff>
      <xdr:row>2</xdr:row>
      <xdr:rowOff>213360</xdr:rowOff>
    </xdr:to>
    <xdr:sp macro="" textlink="">
      <xdr:nvSpPr>
        <xdr:cNvPr id="24819" name="Line 2">
          <a:extLst>
            <a:ext uri="{FF2B5EF4-FFF2-40B4-BE49-F238E27FC236}">
              <a16:creationId xmlns:a16="http://schemas.microsoft.com/office/drawing/2014/main" id="{00000000-0008-0000-1600-0000F3600000}"/>
            </a:ext>
          </a:extLst>
        </xdr:cNvPr>
        <xdr:cNvSpPr>
          <a:spLocks noChangeShapeType="1"/>
        </xdr:cNvSpPr>
      </xdr:nvSpPr>
      <xdr:spPr bwMode="auto">
        <a:xfrm>
          <a:off x="5745480" y="533400"/>
          <a:ext cx="0" cy="0"/>
        </a:xfrm>
        <a:prstGeom prst="line">
          <a:avLst/>
        </a:prstGeom>
        <a:noFill/>
        <a:ln w="254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4</xdr:col>
      <xdr:colOff>40789</xdr:colOff>
      <xdr:row>2</xdr:row>
      <xdr:rowOff>100853</xdr:rowOff>
    </xdr:from>
    <xdr:to>
      <xdr:col>16</xdr:col>
      <xdr:colOff>100761</xdr:colOff>
      <xdr:row>2</xdr:row>
      <xdr:rowOff>224117</xdr:rowOff>
    </xdr:to>
    <xdr:sp macro="" textlink="">
      <xdr:nvSpPr>
        <xdr:cNvPr id="2" name="テキスト ボックス 1">
          <a:extLst>
            <a:ext uri="{FF2B5EF4-FFF2-40B4-BE49-F238E27FC236}">
              <a16:creationId xmlns:a16="http://schemas.microsoft.com/office/drawing/2014/main" id="{00000000-0008-0000-1600-000002000000}"/>
            </a:ext>
          </a:extLst>
        </xdr:cNvPr>
        <xdr:cNvSpPr txBox="1"/>
      </xdr:nvSpPr>
      <xdr:spPr>
        <a:xfrm>
          <a:off x="5580529" y="414618"/>
          <a:ext cx="448236" cy="123264"/>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lang="ja-JP" altLang="en-US"/>
        </a:p>
      </xdr:txBody>
    </xdr:sp>
    <xdr:clientData/>
  </xdr:twoCellAnchor>
  <xdr:twoCellAnchor>
    <xdr:from>
      <xdr:col>1</xdr:col>
      <xdr:colOff>2640330</xdr:colOff>
      <xdr:row>5</xdr:row>
      <xdr:rowOff>0</xdr:rowOff>
    </xdr:from>
    <xdr:to>
      <xdr:col>12</xdr:col>
      <xdr:colOff>115799</xdr:colOff>
      <xdr:row>5</xdr:row>
      <xdr:rowOff>148983</xdr:rowOff>
    </xdr:to>
    <xdr:sp macro="" textlink="">
      <xdr:nvSpPr>
        <xdr:cNvPr id="4" name="テキスト ボックス 3">
          <a:extLst>
            <a:ext uri="{FF2B5EF4-FFF2-40B4-BE49-F238E27FC236}">
              <a16:creationId xmlns:a16="http://schemas.microsoft.com/office/drawing/2014/main" id="{00000000-0008-0000-1600-000004000000}"/>
            </a:ext>
          </a:extLst>
        </xdr:cNvPr>
        <xdr:cNvSpPr txBox="1"/>
      </xdr:nvSpPr>
      <xdr:spPr>
        <a:xfrm>
          <a:off x="2924175" y="1257300"/>
          <a:ext cx="2270315" cy="141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23.xml><?xml version="1.0" encoding="utf-8"?>
<xdr:wsDr xmlns:xdr="http://schemas.openxmlformats.org/drawingml/2006/spreadsheetDrawing" xmlns:a="http://schemas.openxmlformats.org/drawingml/2006/main">
  <xdr:twoCellAnchor>
    <xdr:from>
      <xdr:col>1</xdr:col>
      <xdr:colOff>2667000</xdr:colOff>
      <xdr:row>4</xdr:row>
      <xdr:rowOff>313765</xdr:rowOff>
    </xdr:from>
    <xdr:to>
      <xdr:col>12</xdr:col>
      <xdr:colOff>96374</xdr:colOff>
      <xdr:row>5</xdr:row>
      <xdr:rowOff>137247</xdr:rowOff>
    </xdr:to>
    <xdr:sp macro="" textlink="">
      <xdr:nvSpPr>
        <xdr:cNvPr id="2" name="テキスト ボックス 1">
          <a:extLst>
            <a:ext uri="{FF2B5EF4-FFF2-40B4-BE49-F238E27FC236}">
              <a16:creationId xmlns:a16="http://schemas.microsoft.com/office/drawing/2014/main" id="{00000000-0008-0000-1700-000002000000}"/>
            </a:ext>
          </a:extLst>
        </xdr:cNvPr>
        <xdr:cNvSpPr txBox="1"/>
      </xdr:nvSpPr>
      <xdr:spPr>
        <a:xfrm>
          <a:off x="2947147" y="1243853"/>
          <a:ext cx="2270315" cy="141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24.xml><?xml version="1.0" encoding="utf-8"?>
<xdr:wsDr xmlns:xdr="http://schemas.openxmlformats.org/drawingml/2006/spreadsheetDrawing" xmlns:a="http://schemas.openxmlformats.org/drawingml/2006/main">
  <xdr:twoCellAnchor>
    <xdr:from>
      <xdr:col>1</xdr:col>
      <xdr:colOff>2667000</xdr:colOff>
      <xdr:row>5</xdr:row>
      <xdr:rowOff>7470</xdr:rowOff>
    </xdr:from>
    <xdr:to>
      <xdr:col>12</xdr:col>
      <xdr:colOff>88755</xdr:colOff>
      <xdr:row>5</xdr:row>
      <xdr:rowOff>141325</xdr:rowOff>
    </xdr:to>
    <xdr:sp macro="" textlink="">
      <xdr:nvSpPr>
        <xdr:cNvPr id="2" name="テキスト ボックス 1">
          <a:extLst>
            <a:ext uri="{FF2B5EF4-FFF2-40B4-BE49-F238E27FC236}">
              <a16:creationId xmlns:a16="http://schemas.microsoft.com/office/drawing/2014/main" id="{00000000-0008-0000-1800-000002000000}"/>
            </a:ext>
          </a:extLst>
        </xdr:cNvPr>
        <xdr:cNvSpPr txBox="1"/>
      </xdr:nvSpPr>
      <xdr:spPr>
        <a:xfrm>
          <a:off x="2947147" y="1255058"/>
          <a:ext cx="2270315" cy="141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25.xml><?xml version="1.0" encoding="utf-8"?>
<xdr:wsDr xmlns:xdr="http://schemas.openxmlformats.org/drawingml/2006/spreadsheetDrawing" xmlns:a="http://schemas.openxmlformats.org/drawingml/2006/main">
  <xdr:twoCellAnchor>
    <xdr:from>
      <xdr:col>2</xdr:col>
      <xdr:colOff>1019736</xdr:colOff>
      <xdr:row>4</xdr:row>
      <xdr:rowOff>313764</xdr:rowOff>
    </xdr:from>
    <xdr:to>
      <xdr:col>13</xdr:col>
      <xdr:colOff>85169</xdr:colOff>
      <xdr:row>5</xdr:row>
      <xdr:rowOff>129935</xdr:rowOff>
    </xdr:to>
    <xdr:sp macro="" textlink="">
      <xdr:nvSpPr>
        <xdr:cNvPr id="2" name="テキスト ボックス 1">
          <a:extLst>
            <a:ext uri="{FF2B5EF4-FFF2-40B4-BE49-F238E27FC236}">
              <a16:creationId xmlns:a16="http://schemas.microsoft.com/office/drawing/2014/main" id="{00000000-0008-0000-1900-000002000000}"/>
            </a:ext>
          </a:extLst>
        </xdr:cNvPr>
        <xdr:cNvSpPr txBox="1"/>
      </xdr:nvSpPr>
      <xdr:spPr>
        <a:xfrm>
          <a:off x="4011707" y="1243852"/>
          <a:ext cx="2270315" cy="141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26.xml><?xml version="1.0" encoding="utf-8"?>
<xdr:wsDr xmlns:xdr="http://schemas.openxmlformats.org/drawingml/2006/spreadsheetDrawing" xmlns:a="http://schemas.openxmlformats.org/drawingml/2006/main">
  <xdr:twoCellAnchor>
    <xdr:from>
      <xdr:col>1</xdr:col>
      <xdr:colOff>2752725</xdr:colOff>
      <xdr:row>4</xdr:row>
      <xdr:rowOff>314325</xdr:rowOff>
    </xdr:from>
    <xdr:to>
      <xdr:col>12</xdr:col>
      <xdr:colOff>129094</xdr:colOff>
      <xdr:row>5</xdr:row>
      <xdr:rowOff>131617</xdr:rowOff>
    </xdr:to>
    <xdr:sp macro="" textlink="">
      <xdr:nvSpPr>
        <xdr:cNvPr id="2" name="テキスト ボックス 1">
          <a:extLst>
            <a:ext uri="{FF2B5EF4-FFF2-40B4-BE49-F238E27FC236}">
              <a16:creationId xmlns:a16="http://schemas.microsoft.com/office/drawing/2014/main" id="{00000000-0008-0000-1A00-000002000000}"/>
            </a:ext>
          </a:extLst>
        </xdr:cNvPr>
        <xdr:cNvSpPr txBox="1"/>
      </xdr:nvSpPr>
      <xdr:spPr>
        <a:xfrm>
          <a:off x="3028950" y="1247775"/>
          <a:ext cx="2270315" cy="141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27.xml><?xml version="1.0" encoding="utf-8"?>
<xdr:wsDr xmlns:xdr="http://schemas.openxmlformats.org/drawingml/2006/spreadsheetDrawing" xmlns:a="http://schemas.openxmlformats.org/drawingml/2006/main">
  <xdr:twoCellAnchor>
    <xdr:from>
      <xdr:col>1</xdr:col>
      <xdr:colOff>2697032</xdr:colOff>
      <xdr:row>4</xdr:row>
      <xdr:rowOff>302558</xdr:rowOff>
    </xdr:from>
    <xdr:to>
      <xdr:col>12</xdr:col>
      <xdr:colOff>96382</xdr:colOff>
      <xdr:row>5</xdr:row>
      <xdr:rowOff>118729</xdr:rowOff>
    </xdr:to>
    <xdr:sp macro="" textlink="">
      <xdr:nvSpPr>
        <xdr:cNvPr id="2" name="テキスト ボックス 1">
          <a:extLst>
            <a:ext uri="{FF2B5EF4-FFF2-40B4-BE49-F238E27FC236}">
              <a16:creationId xmlns:a16="http://schemas.microsoft.com/office/drawing/2014/main" id="{00000000-0008-0000-1B00-000002000000}"/>
            </a:ext>
          </a:extLst>
        </xdr:cNvPr>
        <xdr:cNvSpPr txBox="1"/>
      </xdr:nvSpPr>
      <xdr:spPr>
        <a:xfrm>
          <a:off x="2969559" y="1232646"/>
          <a:ext cx="2270315" cy="141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28.xml><?xml version="1.0" encoding="utf-8"?>
<xdr:wsDr xmlns:xdr="http://schemas.openxmlformats.org/drawingml/2006/spreadsheetDrawing" xmlns:a="http://schemas.openxmlformats.org/drawingml/2006/main">
  <xdr:twoCellAnchor>
    <xdr:from>
      <xdr:col>2</xdr:col>
      <xdr:colOff>997324</xdr:colOff>
      <xdr:row>4</xdr:row>
      <xdr:rowOff>272526</xdr:rowOff>
    </xdr:from>
    <xdr:to>
      <xdr:col>13</xdr:col>
      <xdr:colOff>70380</xdr:colOff>
      <xdr:row>5</xdr:row>
      <xdr:rowOff>137338</xdr:rowOff>
    </xdr:to>
    <xdr:sp macro="" textlink="">
      <xdr:nvSpPr>
        <xdr:cNvPr id="2" name="テキスト ボックス 1">
          <a:extLst>
            <a:ext uri="{FF2B5EF4-FFF2-40B4-BE49-F238E27FC236}">
              <a16:creationId xmlns:a16="http://schemas.microsoft.com/office/drawing/2014/main" id="{00000000-0008-0000-1C00-000002000000}"/>
            </a:ext>
          </a:extLst>
        </xdr:cNvPr>
        <xdr:cNvSpPr txBox="1"/>
      </xdr:nvSpPr>
      <xdr:spPr>
        <a:xfrm>
          <a:off x="3989295" y="1176617"/>
          <a:ext cx="2270315" cy="141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29.xml><?xml version="1.0" encoding="utf-8"?>
<xdr:wsDr xmlns:xdr="http://schemas.openxmlformats.org/drawingml/2006/spreadsheetDrawing" xmlns:a="http://schemas.openxmlformats.org/drawingml/2006/main">
  <xdr:twoCellAnchor>
    <xdr:from>
      <xdr:col>0</xdr:col>
      <xdr:colOff>0</xdr:colOff>
      <xdr:row>0</xdr:row>
      <xdr:rowOff>0</xdr:rowOff>
    </xdr:from>
    <xdr:to>
      <xdr:col>2</xdr:col>
      <xdr:colOff>24802</xdr:colOff>
      <xdr:row>1</xdr:row>
      <xdr:rowOff>116283</xdr:rowOff>
    </xdr:to>
    <xdr:sp macro="" textlink="">
      <xdr:nvSpPr>
        <xdr:cNvPr id="2" name="Rectangle 1">
          <a:extLst>
            <a:ext uri="{FF2B5EF4-FFF2-40B4-BE49-F238E27FC236}">
              <a16:creationId xmlns:a16="http://schemas.microsoft.com/office/drawing/2014/main" id="{00000000-0008-0000-1D00-000002000000}"/>
            </a:ext>
          </a:extLst>
        </xdr:cNvPr>
        <xdr:cNvSpPr>
          <a:spLocks noChangeArrowheads="1"/>
        </xdr:cNvSpPr>
      </xdr:nvSpPr>
      <xdr:spPr bwMode="auto">
        <a:xfrm>
          <a:off x="0" y="0"/>
          <a:ext cx="2133600" cy="295275"/>
        </a:xfrm>
        <a:prstGeom prst="rect">
          <a:avLst/>
        </a:prstGeom>
        <a:solidFill>
          <a:srgbClr val="FFFFFF"/>
        </a:solidFill>
        <a:ln w="9525">
          <a:solidFill>
            <a:srgbClr val="000000"/>
          </a:solidFill>
          <a:miter lim="800000"/>
          <a:headEnd/>
          <a:tailEnd/>
        </a:ln>
      </xdr:spPr>
      <xdr:txBody>
        <a:bodyPr vertOverflow="clip" wrap="square" lIns="36576" tIns="22860" rIns="36576" bIns="22860" anchor="ctr" upright="1"/>
        <a:lstStyle/>
        <a:p>
          <a:pPr algn="ctr" rtl="0">
            <a:defRPr sz="1000"/>
          </a:pPr>
          <a:r>
            <a:rPr lang="ja-JP" altLang="en-US" sz="1600" b="0" i="0" u="none" strike="noStrike" baseline="0">
              <a:solidFill>
                <a:srgbClr val="000000"/>
              </a:solidFill>
              <a:latin typeface="ＭＳ ゴシック"/>
              <a:ea typeface="ＭＳ ゴシック"/>
            </a:rPr>
            <a:t>資金管理団体のみ</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200025</xdr:colOff>
      <xdr:row>4</xdr:row>
      <xdr:rowOff>19050</xdr:rowOff>
    </xdr:from>
    <xdr:to>
      <xdr:col>15</xdr:col>
      <xdr:colOff>152400</xdr:colOff>
      <xdr:row>4</xdr:row>
      <xdr:rowOff>133350</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3571875" y="1009650"/>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30.xml><?xml version="1.0" encoding="utf-8"?>
<xdr:wsDr xmlns:xdr="http://schemas.openxmlformats.org/drawingml/2006/spreadsheetDrawing" xmlns:a="http://schemas.openxmlformats.org/drawingml/2006/main">
  <xdr:twoCellAnchor>
    <xdr:from>
      <xdr:col>3</xdr:col>
      <xdr:colOff>2819400</xdr:colOff>
      <xdr:row>17</xdr:row>
      <xdr:rowOff>38100</xdr:rowOff>
    </xdr:from>
    <xdr:to>
      <xdr:col>8</xdr:col>
      <xdr:colOff>259080</xdr:colOff>
      <xdr:row>19</xdr:row>
      <xdr:rowOff>38100</xdr:rowOff>
    </xdr:to>
    <xdr:sp macro="" textlink="">
      <xdr:nvSpPr>
        <xdr:cNvPr id="52345" name="AutoShape 2">
          <a:extLst>
            <a:ext uri="{FF2B5EF4-FFF2-40B4-BE49-F238E27FC236}">
              <a16:creationId xmlns:a16="http://schemas.microsoft.com/office/drawing/2014/main" id="{00000000-0008-0000-1E00-000079CC0000}"/>
            </a:ext>
          </a:extLst>
        </xdr:cNvPr>
        <xdr:cNvSpPr>
          <a:spLocks noChangeArrowheads="1"/>
        </xdr:cNvSpPr>
      </xdr:nvSpPr>
      <xdr:spPr bwMode="auto">
        <a:xfrm>
          <a:off x="3718560" y="5021580"/>
          <a:ext cx="5219700" cy="60960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1.xml><?xml version="1.0" encoding="utf-8"?>
<xdr:wsDr xmlns:xdr="http://schemas.openxmlformats.org/drawingml/2006/spreadsheetDrawing" xmlns:a="http://schemas.openxmlformats.org/drawingml/2006/main">
  <xdr:twoCellAnchor>
    <xdr:from>
      <xdr:col>0</xdr:col>
      <xdr:colOff>316230</xdr:colOff>
      <xdr:row>6</xdr:row>
      <xdr:rowOff>352425</xdr:rowOff>
    </xdr:from>
    <xdr:to>
      <xdr:col>3</xdr:col>
      <xdr:colOff>3288842</xdr:colOff>
      <xdr:row>12</xdr:row>
      <xdr:rowOff>192433</xdr:rowOff>
    </xdr:to>
    <xdr:sp macro="" textlink="">
      <xdr:nvSpPr>
        <xdr:cNvPr id="41985" name="Rectangle 1">
          <a:extLst>
            <a:ext uri="{FF2B5EF4-FFF2-40B4-BE49-F238E27FC236}">
              <a16:creationId xmlns:a16="http://schemas.microsoft.com/office/drawing/2014/main" id="{00000000-0008-0000-2000-000001A40000}"/>
            </a:ext>
          </a:extLst>
        </xdr:cNvPr>
        <xdr:cNvSpPr>
          <a:spLocks noChangeArrowheads="1"/>
        </xdr:cNvSpPr>
      </xdr:nvSpPr>
      <xdr:spPr bwMode="auto">
        <a:xfrm>
          <a:off x="316230" y="3453493"/>
          <a:ext cx="8435884" cy="3019982"/>
        </a:xfrm>
        <a:prstGeom prst="rect">
          <a:avLst/>
        </a:prstGeom>
        <a:noFill/>
        <a:ln w="12700" algn="ctr">
          <a:noFill/>
          <a:prstDash val="dash"/>
          <a:miter lim="800000"/>
          <a:headEnd/>
          <a:tailEnd/>
        </a:ln>
        <a:effectLst/>
      </xdr:spPr>
      <xdr:txBody>
        <a:bodyPr vertOverflow="clip" wrap="square" lIns="27432" tIns="18288" rIns="0" bIns="18288" anchor="ctr" upright="1"/>
        <a:lstStyle/>
        <a:p>
          <a:pPr algn="l" rtl="0">
            <a:lnSpc>
              <a:spcPts val="1400"/>
            </a:lnSpc>
            <a:defRPr sz="1000"/>
          </a:pPr>
          <a:r>
            <a:rPr lang="ja-JP" altLang="en-US" sz="1200" b="0" i="0" u="none" strike="noStrike" baseline="0">
              <a:solidFill>
                <a:srgbClr val="000000"/>
              </a:solidFill>
              <a:latin typeface="ＭＳ 明朝"/>
              <a:ea typeface="ＭＳ 明朝"/>
            </a:rPr>
            <a:t>（備考）　</a:t>
          </a:r>
        </a:p>
        <a:p>
          <a:pPr algn="l" rtl="0">
            <a:lnSpc>
              <a:spcPts val="1400"/>
            </a:lnSpc>
            <a:defRPr sz="1000"/>
          </a:pPr>
          <a:r>
            <a:rPr lang="ja-JP" altLang="en-US" sz="1200" b="0" i="0" u="none" strike="noStrike" baseline="0">
              <a:solidFill>
                <a:srgbClr val="000000"/>
              </a:solidFill>
              <a:latin typeface="ＭＳ 明朝"/>
              <a:ea typeface="ＭＳ 明朝"/>
            </a:rPr>
            <a:t>　　　</a:t>
          </a:r>
          <a:r>
            <a:rPr lang="en-US" altLang="ja-JP" sz="1200" b="0" i="0" u="none" strike="noStrike" baseline="0">
              <a:solidFill>
                <a:srgbClr val="000000"/>
              </a:solidFill>
              <a:latin typeface="ＭＳ 明朝"/>
              <a:ea typeface="ＭＳ 明朝"/>
            </a:rPr>
            <a:t>1 </a:t>
          </a:r>
          <a:r>
            <a:rPr lang="ja-JP" altLang="en-US" sz="1200" b="0" i="0" u="none" strike="noStrike" baseline="0">
              <a:solidFill>
                <a:srgbClr val="000000"/>
              </a:solidFill>
              <a:latin typeface="ＭＳ 明朝"/>
              <a:ea typeface="ＭＳ 明朝"/>
            </a:rPr>
            <a:t>領収書等の添付が必要な支出について、金融機関での振込により支出を行ったため、領収書等を添付できない</a:t>
          </a:r>
        </a:p>
        <a:p>
          <a:pPr algn="l" rtl="0">
            <a:lnSpc>
              <a:spcPts val="1400"/>
            </a:lnSpc>
            <a:defRPr sz="1000"/>
          </a:pPr>
          <a:r>
            <a:rPr lang="ja-JP" altLang="en-US" sz="1200" b="0" i="0" u="none" strike="noStrike" baseline="0">
              <a:solidFill>
                <a:srgbClr val="000000"/>
              </a:solidFill>
              <a:latin typeface="ＭＳ 明朝"/>
              <a:ea typeface="ＭＳ 明朝"/>
            </a:rPr>
            <a:t>　　　　場合に使用してください。（ただし、金融機関が発行する振込明細書に支出の目的、金額、年月日が記載され</a:t>
          </a:r>
          <a:endParaRPr lang="en-US" altLang="ja-JP" sz="1200" b="0" i="0" u="none" strike="noStrike" baseline="0">
            <a:solidFill>
              <a:srgbClr val="000000"/>
            </a:solidFill>
            <a:latin typeface="ＭＳ 明朝"/>
            <a:ea typeface="ＭＳ 明朝"/>
          </a:endParaRPr>
        </a:p>
        <a:p>
          <a:pPr algn="l" rtl="0">
            <a:lnSpc>
              <a:spcPts val="1400"/>
            </a:lnSpc>
            <a:defRPr sz="1000"/>
          </a:pPr>
          <a:r>
            <a:rPr lang="ja-JP" altLang="en-US" sz="1200" b="0" i="0" u="none" strike="noStrike" baseline="0">
              <a:solidFill>
                <a:srgbClr val="000000"/>
              </a:solidFill>
              <a:latin typeface="ＭＳ 明朝"/>
              <a:ea typeface="ＭＳ 明朝"/>
            </a:rPr>
            <a:t>　　　　ている場合は当該振込明細書を添付すれば足り、支出目的書を提出する必要はありません。）</a:t>
          </a:r>
        </a:p>
        <a:p>
          <a:pPr algn="l" rtl="0">
            <a:lnSpc>
              <a:spcPts val="1400"/>
            </a:lnSpc>
            <a:defRPr sz="1000"/>
          </a:pPr>
          <a:r>
            <a:rPr lang="ja-JP" altLang="en-US" sz="1200" b="0" i="0" u="none" strike="noStrike" baseline="0">
              <a:solidFill>
                <a:srgbClr val="000000"/>
              </a:solidFill>
              <a:latin typeface="ＭＳ 明朝"/>
              <a:ea typeface="ＭＳ 明朝"/>
            </a:rPr>
            <a:t>　　　</a:t>
          </a:r>
          <a:r>
            <a:rPr lang="en-US" altLang="ja-JP" sz="1200" b="0" i="0" u="none" strike="noStrike" baseline="0">
              <a:solidFill>
                <a:srgbClr val="000000"/>
              </a:solidFill>
              <a:latin typeface="ＭＳ 明朝"/>
              <a:ea typeface="ＭＳ 明朝"/>
            </a:rPr>
            <a:t>2 </a:t>
          </a:r>
          <a:r>
            <a:rPr lang="ja-JP" altLang="en-US" sz="1200" b="0" i="0" u="sng" strike="noStrike" baseline="0">
              <a:solidFill>
                <a:srgbClr val="000000"/>
              </a:solidFill>
              <a:latin typeface="ＭＳ 明朝"/>
              <a:ea typeface="ＭＳ 明朝"/>
            </a:rPr>
            <a:t>支出の目的ごとに、それぞれ別の用紙を使用してください。</a:t>
          </a:r>
          <a:endParaRPr lang="ja-JP" altLang="en-US" sz="1200" b="0" i="0" u="none" strike="noStrike" baseline="0">
            <a:solidFill>
              <a:srgbClr val="000000"/>
            </a:solidFill>
            <a:latin typeface="ＭＳ 明朝"/>
            <a:ea typeface="ＭＳ 明朝"/>
          </a:endParaRPr>
        </a:p>
        <a:p>
          <a:pPr algn="l" rtl="0">
            <a:lnSpc>
              <a:spcPts val="1400"/>
            </a:lnSpc>
            <a:defRPr sz="1000"/>
          </a:pPr>
          <a:r>
            <a:rPr lang="ja-JP" altLang="en-US" sz="1200" b="0" i="0" u="none" strike="noStrike" baseline="0">
              <a:solidFill>
                <a:srgbClr val="000000"/>
              </a:solidFill>
              <a:latin typeface="ＭＳ 明朝"/>
              <a:ea typeface="ＭＳ 明朝"/>
            </a:rPr>
            <a:t>　　　</a:t>
          </a:r>
          <a:r>
            <a:rPr lang="en-US" altLang="ja-JP" sz="1200" b="0" i="0" u="none" strike="noStrike" baseline="0">
              <a:solidFill>
                <a:srgbClr val="000000"/>
              </a:solidFill>
              <a:latin typeface="ＭＳ 明朝"/>
              <a:ea typeface="ＭＳ 明朝"/>
            </a:rPr>
            <a:t>3 ｢</a:t>
          </a:r>
          <a:r>
            <a:rPr lang="ja-JP" altLang="en-US" sz="1200" b="0" i="0" u="none" strike="noStrike" baseline="0">
              <a:solidFill>
                <a:srgbClr val="000000"/>
              </a:solidFill>
              <a:latin typeface="ＭＳ 明朝"/>
              <a:ea typeface="ＭＳ 明朝"/>
            </a:rPr>
            <a:t>項目別区分</a:t>
          </a:r>
          <a:r>
            <a:rPr lang="en-US" altLang="ja-JP" sz="1200" b="0" i="0" u="none" strike="noStrike" baseline="0">
              <a:solidFill>
                <a:srgbClr val="000000"/>
              </a:solidFill>
              <a:latin typeface="ＭＳ 明朝"/>
              <a:ea typeface="ＭＳ 明朝"/>
            </a:rPr>
            <a:t>｣</a:t>
          </a:r>
          <a:r>
            <a:rPr lang="ja-JP" altLang="en-US" sz="1200" b="0" i="0" u="none" strike="noStrike" baseline="0">
              <a:solidFill>
                <a:srgbClr val="000000"/>
              </a:solidFill>
              <a:latin typeface="ＭＳ 明朝"/>
              <a:ea typeface="ＭＳ 明朝"/>
            </a:rPr>
            <a:t>及び</a:t>
          </a:r>
          <a:r>
            <a:rPr lang="en-US" altLang="ja-JP" sz="1200" b="0" i="0" u="none" strike="noStrike" baseline="0">
              <a:solidFill>
                <a:srgbClr val="000000"/>
              </a:solidFill>
              <a:latin typeface="ＭＳ 明朝"/>
              <a:ea typeface="ＭＳ 明朝"/>
            </a:rPr>
            <a:t>｢</a:t>
          </a:r>
          <a:r>
            <a:rPr lang="ja-JP" altLang="en-US" sz="1200" b="0" i="0" u="none" strike="noStrike" baseline="0">
              <a:solidFill>
                <a:srgbClr val="000000"/>
              </a:solidFill>
              <a:latin typeface="ＭＳ 明朝"/>
              <a:ea typeface="ＭＳ 明朝"/>
            </a:rPr>
            <a:t>支出の目的</a:t>
          </a:r>
          <a:r>
            <a:rPr lang="en-US" altLang="ja-JP" sz="1200" b="0" i="0" u="none" strike="noStrike" baseline="0">
              <a:solidFill>
                <a:srgbClr val="000000"/>
              </a:solidFill>
              <a:latin typeface="ＭＳ 明朝"/>
              <a:ea typeface="ＭＳ 明朝"/>
            </a:rPr>
            <a:t>｣</a:t>
          </a:r>
          <a:r>
            <a:rPr lang="ja-JP" altLang="en-US" sz="1200" b="0" i="0" u="none" strike="noStrike" baseline="0">
              <a:solidFill>
                <a:srgbClr val="000000"/>
              </a:solidFill>
              <a:latin typeface="ＭＳ 明朝"/>
              <a:ea typeface="ＭＳ 明朝"/>
            </a:rPr>
            <a:t>の欄は、経常経費</a:t>
          </a:r>
          <a:r>
            <a:rPr lang="en-US" altLang="ja-JP" sz="1200" b="0" i="0" u="none" strike="noStrike" baseline="0">
              <a:solidFill>
                <a:srgbClr val="000000"/>
              </a:solidFill>
              <a:latin typeface="ＭＳ 明朝"/>
              <a:ea typeface="ＭＳ 明朝"/>
            </a:rPr>
            <a:t>(</a:t>
          </a:r>
          <a:r>
            <a:rPr lang="ja-JP" altLang="en-US" sz="1200" b="0" i="0" u="none" strike="noStrike" baseline="0">
              <a:solidFill>
                <a:srgbClr val="000000"/>
              </a:solidFill>
              <a:latin typeface="ＭＳ 明朝"/>
              <a:ea typeface="ＭＳ 明朝"/>
            </a:rPr>
            <a:t>人件費を除く。</a:t>
          </a:r>
          <a:r>
            <a:rPr lang="en-US" altLang="ja-JP" sz="1200" b="0" i="0" u="none" strike="noStrike" baseline="0">
              <a:solidFill>
                <a:srgbClr val="000000"/>
              </a:solidFill>
              <a:latin typeface="ＭＳ 明朝"/>
              <a:ea typeface="ＭＳ 明朝"/>
            </a:rPr>
            <a:t>)</a:t>
          </a:r>
          <a:r>
            <a:rPr lang="ja-JP" altLang="en-US" sz="1200" b="0" i="0" u="none" strike="noStrike" baseline="0">
              <a:solidFill>
                <a:srgbClr val="000000"/>
              </a:solidFill>
              <a:latin typeface="ＭＳ 明朝"/>
              <a:ea typeface="ＭＳ 明朝"/>
            </a:rPr>
            <a:t>の内訳</a:t>
          </a:r>
          <a:r>
            <a:rPr lang="en-US" altLang="ja-JP" sz="1200" b="0" i="0" u="none" strike="noStrike" baseline="0">
              <a:solidFill>
                <a:srgbClr val="000000"/>
              </a:solidFill>
              <a:latin typeface="ＭＳ 明朝"/>
              <a:ea typeface="ＭＳ 明朝"/>
            </a:rPr>
            <a:t>(</a:t>
          </a:r>
          <a:r>
            <a:rPr lang="ja-JP" altLang="en-US" sz="1200" b="0" i="0" u="none" strike="noStrike" baseline="0">
              <a:solidFill>
                <a:srgbClr val="000000"/>
              </a:solidFill>
              <a:latin typeface="ＭＳ 明朝"/>
              <a:ea typeface="ＭＳ 明朝"/>
            </a:rPr>
            <a:t>その</a:t>
          </a:r>
          <a:r>
            <a:rPr lang="en-US" altLang="ja-JP" sz="1200" b="0" i="0" u="none" strike="noStrike" baseline="0">
              <a:solidFill>
                <a:srgbClr val="000000"/>
              </a:solidFill>
              <a:latin typeface="ＭＳ 明朝"/>
              <a:ea typeface="ＭＳ 明朝"/>
            </a:rPr>
            <a:t>14)</a:t>
          </a:r>
          <a:r>
            <a:rPr lang="ja-JP" altLang="en-US" sz="1200" b="0" i="0" u="none" strike="noStrike" baseline="0">
              <a:solidFill>
                <a:srgbClr val="000000"/>
              </a:solidFill>
              <a:latin typeface="ＭＳ 明朝"/>
              <a:ea typeface="ＭＳ 明朝"/>
            </a:rPr>
            <a:t>及び政治活動費の内訳</a:t>
          </a:r>
          <a:r>
            <a:rPr lang="en-US" altLang="ja-JP" sz="1200" b="0" i="0" u="none" strike="noStrike" baseline="0">
              <a:solidFill>
                <a:srgbClr val="000000"/>
              </a:solidFill>
              <a:latin typeface="ＭＳ 明朝"/>
              <a:ea typeface="ＭＳ 明朝"/>
            </a:rPr>
            <a:t>(</a:t>
          </a:r>
          <a:r>
            <a:rPr lang="ja-JP" altLang="en-US" sz="1200" b="0" i="0" u="none" strike="noStrike" baseline="0">
              <a:solidFill>
                <a:srgbClr val="000000"/>
              </a:solidFill>
              <a:latin typeface="ＭＳ 明朝"/>
              <a:ea typeface="ＭＳ 明朝"/>
            </a:rPr>
            <a:t>その</a:t>
          </a:r>
        </a:p>
        <a:p>
          <a:pPr algn="l" rtl="0">
            <a:lnSpc>
              <a:spcPts val="1300"/>
            </a:lnSpc>
            <a:defRPr sz="1000"/>
          </a:pPr>
          <a:r>
            <a:rPr lang="ja-JP" altLang="en-US" sz="1200" b="0" i="0" u="none" strike="noStrike" baseline="0">
              <a:solidFill>
                <a:srgbClr val="000000"/>
              </a:solidFill>
              <a:latin typeface="ＭＳ 明朝"/>
              <a:ea typeface="ＭＳ 明朝"/>
            </a:rPr>
            <a:t>　　　　</a:t>
          </a:r>
          <a:r>
            <a:rPr lang="en-US" altLang="ja-JP" sz="1200" b="0" i="0" u="none" strike="noStrike" baseline="0">
              <a:solidFill>
                <a:srgbClr val="000000"/>
              </a:solidFill>
              <a:latin typeface="ＭＳ 明朝"/>
              <a:ea typeface="ＭＳ 明朝"/>
            </a:rPr>
            <a:t>15)</a:t>
          </a:r>
          <a:r>
            <a:rPr lang="ja-JP" altLang="en-US" sz="1200" b="0" i="0" u="none" strike="noStrike" baseline="0">
              <a:solidFill>
                <a:srgbClr val="000000"/>
              </a:solidFill>
              <a:latin typeface="ＭＳ 明朝"/>
              <a:ea typeface="ＭＳ 明朝"/>
            </a:rPr>
            <a:t>と同様に記載してください。なお、「細目別区分」の欄は、</a:t>
          </a:r>
          <a:r>
            <a:rPr lang="en-US" altLang="ja-JP" sz="1200" b="0" i="0" u="none" strike="noStrike" baseline="0">
              <a:solidFill>
                <a:srgbClr val="000000"/>
              </a:solidFill>
              <a:latin typeface="ＭＳ 明朝"/>
              <a:ea typeface="ＭＳ 明朝"/>
            </a:rPr>
            <a:t>(</a:t>
          </a:r>
          <a:r>
            <a:rPr lang="ja-JP" altLang="en-US" sz="1200" b="0" i="0" u="none" strike="noStrike" baseline="0">
              <a:solidFill>
                <a:srgbClr val="000000"/>
              </a:solidFill>
              <a:latin typeface="ＭＳ 明朝"/>
              <a:ea typeface="ＭＳ 明朝"/>
            </a:rPr>
            <a:t>その</a:t>
          </a:r>
          <a:r>
            <a:rPr lang="en-US" altLang="ja-JP" sz="1200" b="0" i="0" u="none" strike="noStrike" baseline="0">
              <a:solidFill>
                <a:srgbClr val="000000"/>
              </a:solidFill>
              <a:latin typeface="ＭＳ 明朝"/>
              <a:ea typeface="ＭＳ 明朝"/>
            </a:rPr>
            <a:t>15)</a:t>
          </a:r>
          <a:r>
            <a:rPr lang="ja-JP" altLang="en-US" sz="1200" b="0" i="0" u="none" strike="noStrike" baseline="0">
              <a:solidFill>
                <a:srgbClr val="000000"/>
              </a:solidFill>
              <a:latin typeface="ＭＳ 明朝"/>
              <a:ea typeface="ＭＳ 明朝"/>
            </a:rPr>
            <a:t>の内容が対象の場合、記載してくださ</a:t>
          </a:r>
          <a:endParaRPr lang="en-US" altLang="ja-JP" sz="1200" b="0" i="0" u="none" strike="noStrike" baseline="0">
            <a:solidFill>
              <a:srgbClr val="000000"/>
            </a:solidFill>
            <a:latin typeface="ＭＳ 明朝"/>
            <a:ea typeface="ＭＳ 明朝"/>
          </a:endParaRPr>
        </a:p>
        <a:p>
          <a:pPr algn="l" rtl="0">
            <a:lnSpc>
              <a:spcPts val="1400"/>
            </a:lnSpc>
            <a:defRPr sz="1000"/>
          </a:pPr>
          <a:r>
            <a:rPr lang="ja-JP" altLang="en-US" sz="1200" b="0" i="0" u="none" strike="noStrike" baseline="0">
              <a:solidFill>
                <a:srgbClr val="000000"/>
              </a:solidFill>
              <a:latin typeface="ＭＳ 明朝"/>
              <a:ea typeface="ＭＳ 明朝"/>
            </a:rPr>
            <a:t>　　　　い。</a:t>
          </a:r>
        </a:p>
        <a:p>
          <a:pPr algn="l" rtl="0">
            <a:lnSpc>
              <a:spcPts val="1300"/>
            </a:lnSpc>
            <a:defRPr sz="1000"/>
          </a:pPr>
          <a:r>
            <a:rPr lang="ja-JP" altLang="en-US" sz="1200" b="0" i="0" u="none" strike="noStrike" baseline="0">
              <a:solidFill>
                <a:srgbClr val="000000"/>
              </a:solidFill>
              <a:latin typeface="ＭＳ 明朝"/>
              <a:ea typeface="ＭＳ 明朝"/>
            </a:rPr>
            <a:t>　　　</a:t>
          </a:r>
          <a:r>
            <a:rPr lang="en-US" altLang="ja-JP" sz="1200" b="0" i="0" u="none" strike="noStrike" baseline="0">
              <a:solidFill>
                <a:srgbClr val="000000"/>
              </a:solidFill>
              <a:latin typeface="ＭＳ 明朝"/>
              <a:ea typeface="ＭＳ 明朝"/>
            </a:rPr>
            <a:t>4 </a:t>
          </a:r>
          <a:r>
            <a:rPr lang="ja-JP" altLang="en-US" sz="1200" b="0" i="0" u="sng" strike="noStrike" baseline="0">
              <a:solidFill>
                <a:srgbClr val="000000"/>
              </a:solidFill>
              <a:latin typeface="ＭＳ 明朝"/>
              <a:ea typeface="ＭＳ 明朝"/>
            </a:rPr>
            <a:t>支出の目的に対応する振込明細書の写しと併せて提出してください。</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2743200</xdr:colOff>
      <xdr:row>4</xdr:row>
      <xdr:rowOff>9525</xdr:rowOff>
    </xdr:from>
    <xdr:to>
      <xdr:col>12</xdr:col>
      <xdr:colOff>133350</xdr:colOff>
      <xdr:row>4</xdr:row>
      <xdr:rowOff>123825</xdr:rowOff>
    </xdr:to>
    <xdr:sp macro="" textlink="">
      <xdr:nvSpPr>
        <xdr:cNvPr id="2" name="テキスト ボックス 1">
          <a:extLst>
            <a:ext uri="{FF2B5EF4-FFF2-40B4-BE49-F238E27FC236}">
              <a16:creationId xmlns:a16="http://schemas.microsoft.com/office/drawing/2014/main" id="{00000000-0008-0000-0300-000002000000}"/>
            </a:ext>
          </a:extLst>
        </xdr:cNvPr>
        <xdr:cNvSpPr txBox="1"/>
      </xdr:nvSpPr>
      <xdr:spPr>
        <a:xfrm>
          <a:off x="3019425" y="1000125"/>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1955267</xdr:colOff>
      <xdr:row>3</xdr:row>
      <xdr:rowOff>423144</xdr:rowOff>
    </xdr:from>
    <xdr:to>
      <xdr:col>12</xdr:col>
      <xdr:colOff>101193</xdr:colOff>
      <xdr:row>4</xdr:row>
      <xdr:rowOff>125014</xdr:rowOff>
    </xdr:to>
    <xdr:sp macro="" textlink="">
      <xdr:nvSpPr>
        <xdr:cNvPr id="2" name="テキスト ボックス 1">
          <a:extLst>
            <a:ext uri="{FF2B5EF4-FFF2-40B4-BE49-F238E27FC236}">
              <a16:creationId xmlns:a16="http://schemas.microsoft.com/office/drawing/2014/main" id="{00000000-0008-0000-0400-000002000000}"/>
            </a:ext>
          </a:extLst>
        </xdr:cNvPr>
        <xdr:cNvSpPr txBox="1"/>
      </xdr:nvSpPr>
      <xdr:spPr>
        <a:xfrm>
          <a:off x="2236731" y="1089894"/>
          <a:ext cx="1894738" cy="16026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500"/>
            <a:t>十億　　　　　　　　　　百万　　　　　　　　　　千　　　　　　　　　　　円</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2715409</xdr:colOff>
      <xdr:row>4</xdr:row>
      <xdr:rowOff>11206</xdr:rowOff>
    </xdr:from>
    <xdr:to>
      <xdr:col>12</xdr:col>
      <xdr:colOff>113542</xdr:colOff>
      <xdr:row>4</xdr:row>
      <xdr:rowOff>125506</xdr:rowOff>
    </xdr:to>
    <xdr:sp macro="" textlink="">
      <xdr:nvSpPr>
        <xdr:cNvPr id="2" name="テキスト ボックス 1">
          <a:extLst>
            <a:ext uri="{FF2B5EF4-FFF2-40B4-BE49-F238E27FC236}">
              <a16:creationId xmlns:a16="http://schemas.microsoft.com/office/drawing/2014/main" id="{00000000-0008-0000-0500-000002000000}"/>
            </a:ext>
          </a:extLst>
        </xdr:cNvPr>
        <xdr:cNvSpPr txBox="1"/>
      </xdr:nvSpPr>
      <xdr:spPr>
        <a:xfrm>
          <a:off x="3003176" y="952500"/>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1466022</xdr:colOff>
      <xdr:row>4</xdr:row>
      <xdr:rowOff>397565</xdr:rowOff>
    </xdr:from>
    <xdr:to>
      <xdr:col>12</xdr:col>
      <xdr:colOff>165653</xdr:colOff>
      <xdr:row>5</xdr:row>
      <xdr:rowOff>199445</xdr:rowOff>
    </xdr:to>
    <xdr:sp macro="" textlink="">
      <xdr:nvSpPr>
        <xdr:cNvPr id="2" name="テキスト ボックス 1">
          <a:extLst>
            <a:ext uri="{FF2B5EF4-FFF2-40B4-BE49-F238E27FC236}">
              <a16:creationId xmlns:a16="http://schemas.microsoft.com/office/drawing/2014/main" id="{00000000-0008-0000-0600-000002000000}"/>
            </a:ext>
          </a:extLst>
        </xdr:cNvPr>
        <xdr:cNvSpPr txBox="1"/>
      </xdr:nvSpPr>
      <xdr:spPr>
        <a:xfrm>
          <a:off x="1739348" y="1258956"/>
          <a:ext cx="2302566" cy="2650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600"/>
            <a:t>十億　　　　　　　　　　百万　　　　　　　　　　千　　　　　　　　　　　円</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1485899</xdr:colOff>
      <xdr:row>4</xdr:row>
      <xdr:rowOff>428625</xdr:rowOff>
    </xdr:from>
    <xdr:to>
      <xdr:col>12</xdr:col>
      <xdr:colOff>150516</xdr:colOff>
      <xdr:row>5</xdr:row>
      <xdr:rowOff>152400</xdr:rowOff>
    </xdr:to>
    <xdr:sp macro="" textlink="">
      <xdr:nvSpPr>
        <xdr:cNvPr id="2" name="テキスト ボックス 1">
          <a:extLst>
            <a:ext uri="{FF2B5EF4-FFF2-40B4-BE49-F238E27FC236}">
              <a16:creationId xmlns:a16="http://schemas.microsoft.com/office/drawing/2014/main" id="{00000000-0008-0000-0700-000002000000}"/>
            </a:ext>
          </a:extLst>
        </xdr:cNvPr>
        <xdr:cNvSpPr txBox="1"/>
      </xdr:nvSpPr>
      <xdr:spPr>
        <a:xfrm>
          <a:off x="1762124" y="1285875"/>
          <a:ext cx="2009775" cy="1905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500"/>
            <a:t>十億　　　　　　　　　　百万　　　　　　　　　　　千　　　　　　　　　　　円</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xdr:col>
      <xdr:colOff>2218765</xdr:colOff>
      <xdr:row>4</xdr:row>
      <xdr:rowOff>11206</xdr:rowOff>
    </xdr:from>
    <xdr:to>
      <xdr:col>12</xdr:col>
      <xdr:colOff>105896</xdr:colOff>
      <xdr:row>4</xdr:row>
      <xdr:rowOff>125506</xdr:rowOff>
    </xdr:to>
    <xdr:sp macro="" textlink="">
      <xdr:nvSpPr>
        <xdr:cNvPr id="2" name="テキスト ボックス 1">
          <a:extLst>
            <a:ext uri="{FF2B5EF4-FFF2-40B4-BE49-F238E27FC236}">
              <a16:creationId xmlns:a16="http://schemas.microsoft.com/office/drawing/2014/main" id="{00000000-0008-0000-0800-000002000000}"/>
            </a:ext>
          </a:extLst>
        </xdr:cNvPr>
        <xdr:cNvSpPr txBox="1"/>
      </xdr:nvSpPr>
      <xdr:spPr>
        <a:xfrm>
          <a:off x="2498912" y="997324"/>
          <a:ext cx="2828925" cy="114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700"/>
            <a:t>十億　　　　　　　　　　百万　　　　　　　　　　　　　千　　　　　　　　　　　　円</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25400"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25400"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21.xml"/><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22.x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23.xml"/><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 Type="http://schemas.openxmlformats.org/officeDocument/2006/relationships/drawing" Target="../drawings/drawing25.xml"/><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26.xml"/><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2" Type="http://schemas.openxmlformats.org/officeDocument/2006/relationships/drawing" Target="../drawings/drawing27.xml"/><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2" Type="http://schemas.openxmlformats.org/officeDocument/2006/relationships/drawing" Target="../drawings/drawing28.xml"/><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29.xml"/><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30.xml"/><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2" Type="http://schemas.openxmlformats.org/officeDocument/2006/relationships/drawing" Target="../drawings/drawing31.xml"/><Relationship Id="rId1" Type="http://schemas.openxmlformats.org/officeDocument/2006/relationships/printerSettings" Target="../printerSettings/printerSettings3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Q44"/>
  <sheetViews>
    <sheetView showZeros="0" view="pageBreakPreview" topLeftCell="A7" zoomScaleNormal="100" zoomScaleSheetLayoutView="100" workbookViewId="0">
      <selection activeCell="D58" sqref="D58"/>
    </sheetView>
  </sheetViews>
  <sheetFormatPr defaultColWidth="9" defaultRowHeight="17.25" customHeight="1" x14ac:dyDescent="0.2"/>
  <cols>
    <col min="1" max="1" width="2.59765625" style="32" customWidth="1"/>
    <col min="2" max="2" width="15.5" style="32" customWidth="1"/>
    <col min="3" max="3" width="5.8984375" style="32" customWidth="1"/>
    <col min="4" max="4" width="10.59765625" style="32" customWidth="1"/>
    <col min="5" max="6" width="7.59765625" style="32" customWidth="1"/>
    <col min="7" max="8" width="9" style="32"/>
    <col min="9" max="9" width="3.69921875" style="32" customWidth="1"/>
    <col min="10" max="11" width="1" style="32" customWidth="1"/>
    <col min="12" max="12" width="2.3984375" style="32" customWidth="1"/>
    <col min="13" max="13" width="22.69921875" style="32" customWidth="1"/>
    <col min="14" max="14" width="1.19921875" style="32" customWidth="1"/>
    <col min="15" max="15" width="2.3984375" style="32" customWidth="1"/>
    <col min="16" max="16" width="21.5" style="32" customWidth="1"/>
    <col min="17" max="17" width="3" style="32" customWidth="1"/>
    <col min="18" max="16384" width="9" style="32"/>
  </cols>
  <sheetData>
    <row r="1" spans="1:17" ht="16.5" customHeight="1" x14ac:dyDescent="0.2">
      <c r="B1" s="219" t="s">
        <v>272</v>
      </c>
      <c r="C1" s="36"/>
      <c r="D1" s="623" t="s">
        <v>273</v>
      </c>
      <c r="E1" s="624"/>
      <c r="F1" s="624"/>
      <c r="G1" s="624"/>
      <c r="H1" s="624"/>
      <c r="I1" s="624"/>
      <c r="J1" s="624"/>
      <c r="K1" s="624"/>
      <c r="L1" s="624"/>
      <c r="M1" s="624"/>
      <c r="N1" s="220"/>
      <c r="O1" s="221"/>
      <c r="P1" s="221"/>
      <c r="Q1" s="222" t="s">
        <v>274</v>
      </c>
    </row>
    <row r="2" spans="1:17" ht="16.5" customHeight="1" x14ac:dyDescent="0.2">
      <c r="B2" s="223"/>
      <c r="C2" s="224"/>
      <c r="D2" s="623"/>
      <c r="E2" s="624"/>
      <c r="F2" s="624"/>
      <c r="G2" s="624"/>
      <c r="H2" s="624"/>
      <c r="I2" s="624"/>
      <c r="J2" s="624"/>
      <c r="K2" s="624"/>
      <c r="L2" s="624"/>
      <c r="M2" s="624"/>
      <c r="N2" s="220"/>
      <c r="O2" s="221"/>
      <c r="P2" s="221"/>
    </row>
    <row r="3" spans="1:17" ht="16.5" customHeight="1" x14ac:dyDescent="0.2">
      <c r="B3" s="223"/>
      <c r="C3" s="224"/>
      <c r="D3" s="35"/>
      <c r="E3" s="35"/>
      <c r="N3" s="220"/>
      <c r="O3" s="221"/>
      <c r="P3" s="221"/>
    </row>
    <row r="4" spans="1:17" ht="16.5" customHeight="1" x14ac:dyDescent="0.2">
      <c r="A4" s="35"/>
      <c r="B4" s="223"/>
      <c r="C4" s="224"/>
      <c r="D4" s="625" t="s">
        <v>361</v>
      </c>
      <c r="E4" s="626"/>
      <c r="F4" s="626"/>
      <c r="G4" s="626"/>
      <c r="H4" s="626"/>
      <c r="I4" s="626"/>
      <c r="J4" s="626"/>
      <c r="K4" s="626"/>
      <c r="L4" s="626"/>
      <c r="M4" s="626"/>
      <c r="N4" s="220"/>
      <c r="O4" s="221"/>
      <c r="P4" s="221"/>
      <c r="Q4" s="222"/>
    </row>
    <row r="5" spans="1:17" ht="16.5" customHeight="1" thickBot="1" x14ac:dyDescent="0.25">
      <c r="A5" s="35"/>
      <c r="B5" s="223"/>
      <c r="C5" s="224"/>
      <c r="D5" s="35"/>
      <c r="E5" s="35"/>
      <c r="F5" s="217"/>
      <c r="G5" s="217"/>
      <c r="H5" s="217"/>
      <c r="I5" s="217"/>
      <c r="J5" s="217"/>
      <c r="K5" s="217"/>
      <c r="L5" s="217"/>
      <c r="M5" s="249" t="s">
        <v>309</v>
      </c>
      <c r="N5" s="220"/>
      <c r="O5" s="221"/>
      <c r="P5" s="221"/>
      <c r="Q5" s="222"/>
    </row>
    <row r="6" spans="1:17" ht="16.5" customHeight="1" x14ac:dyDescent="0.2">
      <c r="A6" s="35"/>
      <c r="B6" s="223"/>
      <c r="C6" s="224"/>
      <c r="D6" s="35"/>
      <c r="E6" s="35"/>
      <c r="G6" s="2"/>
      <c r="H6" s="2"/>
      <c r="I6" s="2"/>
      <c r="J6" s="2"/>
      <c r="L6" s="627" t="s">
        <v>91</v>
      </c>
      <c r="M6" s="628"/>
      <c r="N6" s="628"/>
      <c r="O6" s="628"/>
      <c r="P6" s="628"/>
      <c r="Q6" s="629"/>
    </row>
    <row r="7" spans="1:17" ht="16.5" customHeight="1" x14ac:dyDescent="0.2">
      <c r="A7" s="35"/>
      <c r="B7" s="223"/>
      <c r="C7" s="224"/>
      <c r="D7" s="35"/>
      <c r="E7" s="35"/>
      <c r="G7" s="2"/>
      <c r="H7" s="2"/>
      <c r="I7" s="2"/>
      <c r="J7" s="2"/>
      <c r="K7" s="225"/>
      <c r="L7" s="37" t="s">
        <v>275</v>
      </c>
      <c r="M7" s="28" t="s">
        <v>276</v>
      </c>
      <c r="N7" s="226"/>
      <c r="O7" s="226"/>
      <c r="P7" s="226"/>
      <c r="Q7" s="227"/>
    </row>
    <row r="8" spans="1:17" ht="16.5" customHeight="1" x14ac:dyDescent="0.2">
      <c r="A8" s="35"/>
      <c r="B8" s="228"/>
      <c r="C8" s="229"/>
      <c r="D8" s="35"/>
      <c r="E8" s="3"/>
      <c r="F8" s="3"/>
      <c r="G8" s="3"/>
      <c r="H8" s="3"/>
      <c r="I8" s="222"/>
      <c r="J8" s="2"/>
      <c r="K8" s="225"/>
      <c r="L8" s="35" t="s">
        <v>277</v>
      </c>
      <c r="M8" s="28" t="s">
        <v>315</v>
      </c>
      <c r="N8" s="35"/>
      <c r="O8" s="35"/>
      <c r="P8" s="35"/>
      <c r="Q8" s="38"/>
    </row>
    <row r="9" spans="1:17" ht="16.5" customHeight="1" x14ac:dyDescent="0.15">
      <c r="B9" s="634" t="s">
        <v>336</v>
      </c>
      <c r="C9" s="634"/>
      <c r="D9" s="35" t="s">
        <v>313</v>
      </c>
      <c r="G9" s="2"/>
      <c r="H9" s="2"/>
      <c r="I9" s="222" t="s">
        <v>314</v>
      </c>
      <c r="J9" s="2"/>
      <c r="L9" s="37" t="s">
        <v>277</v>
      </c>
      <c r="M9" s="28" t="s">
        <v>278</v>
      </c>
      <c r="N9" s="35"/>
      <c r="O9" s="35"/>
      <c r="P9" s="35"/>
      <c r="Q9" s="38"/>
    </row>
    <row r="10" spans="1:17" ht="16.5" customHeight="1" thickBot="1" x14ac:dyDescent="0.25">
      <c r="A10" s="643" t="s">
        <v>279</v>
      </c>
      <c r="B10" s="644" t="s">
        <v>94</v>
      </c>
      <c r="C10" s="644"/>
      <c r="D10" s="33"/>
      <c r="K10" s="215"/>
      <c r="L10" s="39" t="s">
        <v>280</v>
      </c>
      <c r="M10" s="230" t="s">
        <v>281</v>
      </c>
      <c r="N10" s="40"/>
      <c r="O10" s="40"/>
      <c r="P10" s="40"/>
      <c r="Q10" s="41"/>
    </row>
    <row r="11" spans="1:17" ht="16.5" customHeight="1" thickBot="1" x14ac:dyDescent="0.25">
      <c r="A11" s="643"/>
      <c r="B11" s="644"/>
      <c r="C11" s="644"/>
      <c r="D11" s="4"/>
      <c r="E11" s="34"/>
      <c r="F11" s="34"/>
      <c r="G11" s="34"/>
      <c r="H11" s="34"/>
      <c r="I11" s="34"/>
      <c r="J11" s="34"/>
    </row>
    <row r="12" spans="1:17" ht="16.5" customHeight="1" x14ac:dyDescent="0.2">
      <c r="E12" s="35"/>
      <c r="F12" s="35"/>
      <c r="G12" s="35"/>
      <c r="H12" s="35"/>
      <c r="I12" s="35"/>
      <c r="J12" s="35"/>
      <c r="L12" s="627" t="s">
        <v>92</v>
      </c>
      <c r="M12" s="628"/>
      <c r="N12" s="628"/>
      <c r="O12" s="628"/>
      <c r="P12" s="628"/>
      <c r="Q12" s="629"/>
    </row>
    <row r="13" spans="1:17" ht="16.5" customHeight="1" thickBot="1" x14ac:dyDescent="0.25">
      <c r="A13" s="643" t="s">
        <v>282</v>
      </c>
      <c r="B13" s="636" t="s">
        <v>95</v>
      </c>
      <c r="C13" s="636"/>
      <c r="D13" s="33"/>
      <c r="E13" s="35"/>
      <c r="F13" s="35"/>
      <c r="G13" s="35"/>
      <c r="H13" s="35"/>
      <c r="I13" s="35"/>
      <c r="J13" s="35"/>
      <c r="L13" s="39" t="s">
        <v>283</v>
      </c>
      <c r="M13" s="230" t="s">
        <v>284</v>
      </c>
      <c r="N13" s="40"/>
      <c r="O13" s="231" t="s">
        <v>283</v>
      </c>
      <c r="P13" s="230" t="s">
        <v>285</v>
      </c>
      <c r="Q13" s="232"/>
    </row>
    <row r="14" spans="1:17" ht="16.5" customHeight="1" thickBot="1" x14ac:dyDescent="0.25">
      <c r="A14" s="643"/>
      <c r="B14" s="636"/>
      <c r="C14" s="636"/>
      <c r="D14" s="4"/>
      <c r="E14" s="34"/>
      <c r="F14" s="34"/>
      <c r="G14" s="34"/>
      <c r="H14" s="34"/>
      <c r="I14" s="34"/>
      <c r="J14" s="34"/>
      <c r="L14" s="35"/>
      <c r="M14" s="35"/>
      <c r="N14" s="35"/>
    </row>
    <row r="15" spans="1:17" ht="16.5" customHeight="1" x14ac:dyDescent="0.2">
      <c r="E15" s="35"/>
      <c r="F15" s="35"/>
      <c r="G15" s="35"/>
      <c r="H15" s="35"/>
      <c r="I15" s="35"/>
      <c r="J15" s="35"/>
      <c r="L15" s="627" t="s">
        <v>240</v>
      </c>
      <c r="M15" s="635"/>
      <c r="N15" s="215"/>
      <c r="O15" s="627" t="s">
        <v>286</v>
      </c>
      <c r="P15" s="628"/>
      <c r="Q15" s="629"/>
    </row>
    <row r="16" spans="1:17" ht="16.5" customHeight="1" x14ac:dyDescent="0.2">
      <c r="A16" s="643" t="s">
        <v>287</v>
      </c>
      <c r="B16" s="636" t="s">
        <v>96</v>
      </c>
      <c r="C16" s="636"/>
      <c r="D16" s="33"/>
      <c r="E16" s="35"/>
      <c r="F16" s="35"/>
      <c r="G16" s="35"/>
      <c r="H16" s="35"/>
      <c r="I16" s="35"/>
      <c r="J16" s="35"/>
      <c r="L16" s="37" t="s">
        <v>288</v>
      </c>
      <c r="M16" s="233" t="s">
        <v>289</v>
      </c>
      <c r="N16" s="35"/>
      <c r="O16" s="37" t="s">
        <v>290</v>
      </c>
      <c r="P16" s="632" t="s">
        <v>291</v>
      </c>
      <c r="Q16" s="633"/>
    </row>
    <row r="17" spans="1:17" ht="16.5" customHeight="1" x14ac:dyDescent="0.2">
      <c r="A17" s="643"/>
      <c r="B17" s="636"/>
      <c r="C17" s="636"/>
      <c r="D17" s="4"/>
      <c r="E17" s="34"/>
      <c r="F17" s="34"/>
      <c r="G17" s="34"/>
      <c r="H17" s="34"/>
      <c r="I17" s="34"/>
      <c r="J17" s="34"/>
      <c r="L17" s="37" t="s">
        <v>292</v>
      </c>
      <c r="M17" s="233" t="s">
        <v>293</v>
      </c>
      <c r="N17" s="35"/>
      <c r="O17" s="37"/>
      <c r="P17" s="630" t="s">
        <v>294</v>
      </c>
      <c r="Q17" s="631"/>
    </row>
    <row r="18" spans="1:17" ht="16.5" customHeight="1" x14ac:dyDescent="0.2">
      <c r="E18" s="35"/>
      <c r="F18" s="35"/>
      <c r="G18" s="35"/>
      <c r="H18" s="35"/>
      <c r="I18" s="35"/>
      <c r="J18" s="35"/>
      <c r="L18" s="250"/>
      <c r="M18" s="38"/>
      <c r="N18" s="235"/>
      <c r="O18" s="210"/>
      <c r="P18" s="630" t="s">
        <v>295</v>
      </c>
      <c r="Q18" s="631"/>
    </row>
    <row r="19" spans="1:17" ht="16.5" customHeight="1" x14ac:dyDescent="0.2">
      <c r="A19" s="643" t="s">
        <v>296</v>
      </c>
      <c r="B19" s="636" t="s">
        <v>97</v>
      </c>
      <c r="C19" s="636"/>
      <c r="D19" s="33"/>
      <c r="L19" s="263" t="s">
        <v>364</v>
      </c>
      <c r="M19" s="236"/>
      <c r="N19" s="35"/>
      <c r="O19" s="37" t="s">
        <v>297</v>
      </c>
      <c r="P19" s="641" t="s">
        <v>291</v>
      </c>
      <c r="Q19" s="642"/>
    </row>
    <row r="20" spans="1:17" ht="16.5" customHeight="1" x14ac:dyDescent="0.2">
      <c r="A20" s="643"/>
      <c r="B20" s="636"/>
      <c r="C20" s="636"/>
      <c r="D20" s="4"/>
      <c r="E20" s="34"/>
      <c r="F20" s="34"/>
      <c r="G20" s="34"/>
      <c r="H20" s="34"/>
      <c r="I20" s="34"/>
      <c r="J20" s="34"/>
      <c r="L20" s="234" t="s">
        <v>90</v>
      </c>
      <c r="M20" s="236"/>
      <c r="N20" s="35"/>
      <c r="O20" s="37"/>
      <c r="P20" s="630" t="s">
        <v>298</v>
      </c>
      <c r="Q20" s="631"/>
    </row>
    <row r="21" spans="1:17" ht="16.5" customHeight="1" x14ac:dyDescent="0.2">
      <c r="E21" s="35"/>
      <c r="F21" s="35"/>
      <c r="G21" s="35"/>
      <c r="H21" s="35"/>
      <c r="I21" s="35"/>
      <c r="J21" s="35"/>
      <c r="L21" s="208"/>
      <c r="M21" s="237"/>
      <c r="N21" s="35"/>
      <c r="O21" s="210"/>
      <c r="P21" s="630" t="s">
        <v>295</v>
      </c>
      <c r="Q21" s="631"/>
    </row>
    <row r="22" spans="1:17" ht="16.5" customHeight="1" x14ac:dyDescent="0.2">
      <c r="B22" s="636" t="s">
        <v>98</v>
      </c>
      <c r="C22" s="636"/>
      <c r="D22" s="33"/>
      <c r="L22" s="234"/>
      <c r="M22" s="237"/>
      <c r="N22" s="35"/>
      <c r="O22" s="234" t="s">
        <v>300</v>
      </c>
      <c r="P22" s="239"/>
      <c r="Q22" s="238"/>
    </row>
    <row r="23" spans="1:17" ht="16.5" customHeight="1" x14ac:dyDescent="0.2">
      <c r="B23" s="636"/>
      <c r="C23" s="636"/>
      <c r="D23" s="4"/>
      <c r="E23" s="34"/>
      <c r="F23" s="34"/>
      <c r="G23" s="34"/>
      <c r="H23" s="34"/>
      <c r="I23" s="34"/>
      <c r="J23" s="35"/>
      <c r="L23" s="240"/>
      <c r="M23" s="237" t="s">
        <v>311</v>
      </c>
      <c r="N23" s="35"/>
      <c r="O23" s="210"/>
      <c r="P23" s="3"/>
      <c r="Q23" s="38"/>
    </row>
    <row r="24" spans="1:17" ht="16.5" customHeight="1" x14ac:dyDescent="0.2">
      <c r="E24" s="35"/>
      <c r="F24" s="35"/>
      <c r="G24" s="35"/>
      <c r="H24" s="35"/>
      <c r="I24" s="35"/>
      <c r="J24" s="35"/>
      <c r="L24" s="234" t="s">
        <v>299</v>
      </c>
      <c r="M24" s="38"/>
      <c r="N24" s="35"/>
      <c r="O24" s="210"/>
      <c r="P24" s="3"/>
      <c r="Q24" s="38"/>
    </row>
    <row r="25" spans="1:17" ht="16.5" customHeight="1" x14ac:dyDescent="0.2">
      <c r="B25" s="637" t="s">
        <v>302</v>
      </c>
      <c r="C25" s="637"/>
      <c r="D25" s="33"/>
      <c r="E25" s="638" t="s">
        <v>303</v>
      </c>
      <c r="F25" s="638"/>
      <c r="G25" s="638"/>
      <c r="H25" s="35"/>
      <c r="I25" s="35"/>
      <c r="J25" s="35"/>
      <c r="L25" s="240" t="s">
        <v>301</v>
      </c>
      <c r="M25" s="38"/>
      <c r="N25" s="215"/>
      <c r="O25" s="241" t="s">
        <v>90</v>
      </c>
      <c r="P25" s="239"/>
      <c r="Q25" s="38"/>
    </row>
    <row r="26" spans="1:17" ht="16.5" customHeight="1" x14ac:dyDescent="0.2">
      <c r="B26" s="640" t="s">
        <v>304</v>
      </c>
      <c r="C26" s="640"/>
      <c r="D26" s="34"/>
      <c r="E26" s="639"/>
      <c r="F26" s="639"/>
      <c r="G26" s="639"/>
      <c r="H26" s="4"/>
      <c r="I26" s="34"/>
      <c r="J26" s="35"/>
      <c r="L26" s="208"/>
      <c r="M26" s="38"/>
      <c r="N26" s="215"/>
      <c r="O26" s="210"/>
      <c r="P26" s="3"/>
      <c r="Q26" s="38"/>
    </row>
    <row r="27" spans="1:17" ht="16.5" customHeight="1" thickBot="1" x14ac:dyDescent="0.25">
      <c r="B27" s="33"/>
      <c r="L27" s="211"/>
      <c r="M27" s="41"/>
      <c r="N27" s="215"/>
      <c r="O27" s="210"/>
      <c r="P27" s="650" t="s">
        <v>310</v>
      </c>
      <c r="Q27" s="651"/>
    </row>
    <row r="28" spans="1:17" ht="16.5" customHeight="1" thickBot="1" x14ac:dyDescent="0.25">
      <c r="L28" s="209"/>
      <c r="M28" s="35"/>
      <c r="N28" s="215"/>
      <c r="O28" s="242"/>
      <c r="P28" s="652"/>
      <c r="Q28" s="653"/>
    </row>
    <row r="29" spans="1:17" ht="7.5" customHeight="1" thickBot="1" x14ac:dyDescent="0.25">
      <c r="A29" s="243"/>
      <c r="B29" s="244"/>
      <c r="C29" s="244"/>
      <c r="D29" s="244"/>
      <c r="E29" s="244"/>
      <c r="F29" s="244"/>
      <c r="G29" s="216"/>
      <c r="H29" s="213"/>
      <c r="I29" s="214"/>
      <c r="J29" s="35"/>
      <c r="L29" s="35"/>
      <c r="M29" s="35"/>
      <c r="N29" s="215"/>
      <c r="O29" s="67"/>
      <c r="P29" s="67"/>
      <c r="Q29" s="67"/>
    </row>
    <row r="30" spans="1:17" ht="16.5" customHeight="1" x14ac:dyDescent="0.2">
      <c r="A30" s="245" t="s">
        <v>367</v>
      </c>
      <c r="B30" s="245"/>
      <c r="C30" s="245"/>
      <c r="D30" s="245"/>
      <c r="E30" s="245"/>
      <c r="F30" s="245"/>
      <c r="G30" s="25"/>
      <c r="H30" s="212"/>
      <c r="I30" s="31"/>
      <c r="J30" s="246"/>
      <c r="K30" s="35"/>
      <c r="L30" s="654" t="s">
        <v>312</v>
      </c>
      <c r="M30" s="655"/>
      <c r="O30" s="274" t="s">
        <v>346</v>
      </c>
      <c r="P30" s="658" t="s">
        <v>344</v>
      </c>
      <c r="Q30" s="659"/>
    </row>
    <row r="31" spans="1:17" s="247" customFormat="1" ht="16.5" customHeight="1" x14ac:dyDescent="0.2">
      <c r="A31" s="29"/>
      <c r="B31" s="282" t="s">
        <v>391</v>
      </c>
      <c r="C31" s="647" t="s">
        <v>355</v>
      </c>
      <c r="D31" s="647"/>
      <c r="E31" s="648" t="s">
        <v>100</v>
      </c>
      <c r="F31" s="649"/>
      <c r="G31" s="30" t="s">
        <v>101</v>
      </c>
      <c r="H31" s="30" t="s">
        <v>305</v>
      </c>
      <c r="I31" s="31"/>
      <c r="J31" s="246"/>
      <c r="K31" s="32"/>
      <c r="L31" s="656"/>
      <c r="M31" s="657"/>
      <c r="N31" s="35"/>
      <c r="O31" s="275"/>
      <c r="P31" s="660" t="s">
        <v>345</v>
      </c>
      <c r="Q31" s="661"/>
    </row>
    <row r="32" spans="1:17" s="287" customFormat="1" ht="16.5" customHeight="1" x14ac:dyDescent="0.2">
      <c r="A32" s="283" t="s">
        <v>306</v>
      </c>
      <c r="B32" s="645" t="s">
        <v>392</v>
      </c>
      <c r="C32" s="662"/>
      <c r="D32" s="662"/>
      <c r="E32" s="611"/>
      <c r="F32" s="612"/>
      <c r="G32" s="663" t="s">
        <v>393</v>
      </c>
      <c r="H32" s="665"/>
      <c r="I32" s="284"/>
      <c r="J32" s="285"/>
      <c r="K32" s="286"/>
      <c r="L32" s="615" t="s">
        <v>362</v>
      </c>
      <c r="M32" s="616"/>
      <c r="O32" s="617" t="s">
        <v>362</v>
      </c>
      <c r="P32" s="618"/>
      <c r="Q32" s="619"/>
    </row>
    <row r="33" spans="1:17" s="287" customFormat="1" ht="16.5" customHeight="1" thickBot="1" x14ac:dyDescent="0.25">
      <c r="A33" s="288"/>
      <c r="B33" s="646"/>
      <c r="C33" s="662"/>
      <c r="D33" s="662"/>
      <c r="E33" s="613"/>
      <c r="F33" s="614"/>
      <c r="G33" s="664"/>
      <c r="H33" s="666"/>
      <c r="I33" s="284"/>
      <c r="J33" s="285"/>
      <c r="K33" s="286"/>
      <c r="L33" s="620" t="s">
        <v>363</v>
      </c>
      <c r="M33" s="621"/>
      <c r="O33" s="620" t="s">
        <v>363</v>
      </c>
      <c r="P33" s="622"/>
      <c r="Q33" s="621"/>
    </row>
    <row r="34" spans="1:17" s="247" customFormat="1" ht="27.75" customHeight="1" x14ac:dyDescent="0.2">
      <c r="A34" s="32"/>
      <c r="B34" s="32"/>
      <c r="C34" s="32"/>
      <c r="D34" s="32"/>
      <c r="E34" s="32"/>
      <c r="F34" s="32"/>
      <c r="G34" s="32"/>
      <c r="H34" s="32"/>
      <c r="I34" s="32"/>
      <c r="J34" s="32"/>
      <c r="K34" s="32"/>
      <c r="L34" s="609" t="s">
        <v>365</v>
      </c>
      <c r="M34" s="609"/>
      <c r="N34" s="281"/>
      <c r="O34" s="610" t="s">
        <v>366</v>
      </c>
      <c r="P34" s="610"/>
      <c r="Q34" s="610"/>
    </row>
    <row r="35" spans="1:17" s="247" customFormat="1" ht="17.25" customHeight="1" x14ac:dyDescent="0.2">
      <c r="A35" s="32"/>
      <c r="B35" s="32"/>
      <c r="C35" s="32"/>
      <c r="D35" s="32"/>
      <c r="E35" s="32"/>
      <c r="F35" s="32"/>
      <c r="G35" s="32"/>
      <c r="H35" s="32"/>
      <c r="I35" s="32"/>
      <c r="J35" s="32"/>
      <c r="K35" s="32"/>
      <c r="L35" s="35"/>
      <c r="M35" s="35"/>
      <c r="O35" s="35"/>
      <c r="P35" s="35"/>
      <c r="Q35" s="35"/>
    </row>
    <row r="36" spans="1:17" ht="17.25" customHeight="1" x14ac:dyDescent="0.2">
      <c r="N36" s="247"/>
      <c r="O36" s="247"/>
      <c r="P36" s="247"/>
    </row>
    <row r="37" spans="1:17" ht="14.4" x14ac:dyDescent="0.2">
      <c r="O37" s="247"/>
      <c r="P37" s="247"/>
    </row>
    <row r="38" spans="1:17" ht="14.4" x14ac:dyDescent="0.2">
      <c r="M38" s="247"/>
      <c r="N38" s="247"/>
    </row>
    <row r="39" spans="1:17" ht="17.25" customHeight="1" x14ac:dyDescent="0.2">
      <c r="M39" s="247"/>
      <c r="N39" s="247"/>
    </row>
    <row r="40" spans="1:17" ht="17.25" customHeight="1" x14ac:dyDescent="0.2">
      <c r="M40" s="247"/>
      <c r="N40" s="247"/>
    </row>
    <row r="41" spans="1:17" ht="17.25" customHeight="1" x14ac:dyDescent="0.2">
      <c r="N41" s="247"/>
    </row>
    <row r="42" spans="1:17" ht="17.25" customHeight="1" x14ac:dyDescent="0.2">
      <c r="N42" s="247"/>
    </row>
    <row r="44" spans="1:17" ht="17.25" customHeight="1" x14ac:dyDescent="0.2">
      <c r="G44" s="2"/>
    </row>
  </sheetData>
  <mergeCells count="42">
    <mergeCell ref="P27:Q28"/>
    <mergeCell ref="L30:M31"/>
    <mergeCell ref="P30:Q30"/>
    <mergeCell ref="P31:Q31"/>
    <mergeCell ref="C32:D33"/>
    <mergeCell ref="G32:G33"/>
    <mergeCell ref="H32:H33"/>
    <mergeCell ref="B32:B33"/>
    <mergeCell ref="C31:D31"/>
    <mergeCell ref="E31:F31"/>
    <mergeCell ref="A16:A17"/>
    <mergeCell ref="A19:A20"/>
    <mergeCell ref="B19:C20"/>
    <mergeCell ref="A10:A11"/>
    <mergeCell ref="B10:C11"/>
    <mergeCell ref="L12:Q12"/>
    <mergeCell ref="A13:A14"/>
    <mergeCell ref="B13:C14"/>
    <mergeCell ref="B9:C9"/>
    <mergeCell ref="O15:Q15"/>
    <mergeCell ref="L15:M15"/>
    <mergeCell ref="B22:C23"/>
    <mergeCell ref="B25:C25"/>
    <mergeCell ref="E25:G26"/>
    <mergeCell ref="B26:C26"/>
    <mergeCell ref="P20:Q20"/>
    <mergeCell ref="P19:Q19"/>
    <mergeCell ref="B16:C17"/>
    <mergeCell ref="D1:M2"/>
    <mergeCell ref="D4:M4"/>
    <mergeCell ref="L6:Q6"/>
    <mergeCell ref="P18:Q18"/>
    <mergeCell ref="P21:Q21"/>
    <mergeCell ref="P16:Q16"/>
    <mergeCell ref="P17:Q17"/>
    <mergeCell ref="L34:M34"/>
    <mergeCell ref="O34:Q34"/>
    <mergeCell ref="E32:F33"/>
    <mergeCell ref="L32:M32"/>
    <mergeCell ref="O32:Q32"/>
    <mergeCell ref="L33:M33"/>
    <mergeCell ref="O33:Q33"/>
  </mergeCells>
  <phoneticPr fontId="2"/>
  <printOptions horizontalCentered="1"/>
  <pageMargins left="0.59055118110236227" right="0.59055118110236227" top="0.78740157480314965" bottom="0.39370078740157483" header="0.51181102362204722" footer="0.51181102362204722"/>
  <pageSetup paperSize="9" scale="98" orientation="landscape"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X44"/>
  <sheetViews>
    <sheetView showZeros="0" view="pageBreakPreview" topLeftCell="C1" zoomScaleNormal="100" zoomScaleSheetLayoutView="100" workbookViewId="0">
      <selection activeCell="V21" sqref="V21"/>
    </sheetView>
  </sheetViews>
  <sheetFormatPr defaultRowHeight="14.4" x14ac:dyDescent="0.2"/>
  <cols>
    <col min="1" max="1" width="3.59765625" style="333" customWidth="1"/>
    <col min="2" max="2" width="22.19921875" style="333" customWidth="1"/>
    <col min="3" max="5" width="2.69921875" style="296" customWidth="1"/>
    <col min="6" max="20" width="3" style="296" customWidth="1"/>
    <col min="21" max="21" width="8.796875" style="333"/>
    <col min="22" max="22" width="22.69921875" style="333" customWidth="1"/>
    <col min="23" max="23" width="10.19921875" style="333" customWidth="1"/>
    <col min="24" max="24" width="12.69921875" style="333" customWidth="1"/>
    <col min="25" max="16384" width="8.796875" style="333"/>
  </cols>
  <sheetData>
    <row r="1" spans="1:23" ht="13.5" customHeight="1" x14ac:dyDescent="0.2">
      <c r="A1" s="293"/>
      <c r="B1" s="293"/>
      <c r="C1" s="293"/>
      <c r="D1" s="293"/>
      <c r="E1" s="293"/>
      <c r="F1" s="293"/>
      <c r="G1" s="293"/>
      <c r="H1" s="293"/>
      <c r="I1" s="293"/>
      <c r="J1" s="293"/>
      <c r="K1" s="293"/>
      <c r="L1" s="293"/>
      <c r="M1" s="293"/>
      <c r="N1" s="293"/>
      <c r="O1" s="293"/>
      <c r="P1" s="293"/>
      <c r="Q1" s="293"/>
      <c r="R1" s="293"/>
      <c r="S1" s="293"/>
      <c r="T1" s="293"/>
      <c r="U1" s="293"/>
      <c r="V1" s="293"/>
      <c r="W1" s="496" t="s">
        <v>113</v>
      </c>
    </row>
    <row r="2" spans="1:23" ht="13.5" customHeight="1" thickBot="1" x14ac:dyDescent="0.25">
      <c r="A2" s="293"/>
      <c r="B2" s="297"/>
      <c r="C2" s="297"/>
      <c r="D2" s="297"/>
      <c r="E2" s="297"/>
      <c r="F2" s="297"/>
      <c r="G2" s="297"/>
      <c r="H2" s="297"/>
      <c r="I2" s="297"/>
      <c r="J2" s="297"/>
      <c r="K2" s="297"/>
      <c r="L2" s="297"/>
      <c r="M2" s="297"/>
      <c r="N2" s="297"/>
      <c r="O2" s="297"/>
      <c r="P2" s="297"/>
      <c r="Q2" s="297"/>
      <c r="R2" s="297"/>
      <c r="S2" s="297"/>
      <c r="T2" s="297"/>
      <c r="U2" s="297"/>
      <c r="V2" s="297"/>
      <c r="W2" s="297"/>
    </row>
    <row r="3" spans="1:23" ht="25.5" customHeight="1" thickBot="1" x14ac:dyDescent="0.25">
      <c r="A3" s="306" t="s">
        <v>158</v>
      </c>
      <c r="B3" s="363"/>
      <c r="C3" s="404"/>
      <c r="D3" s="404"/>
      <c r="E3" s="404"/>
      <c r="F3" s="404"/>
      <c r="G3" s="404"/>
      <c r="H3" s="404"/>
      <c r="I3" s="404"/>
      <c r="J3" s="207"/>
      <c r="K3" s="404"/>
      <c r="L3" s="404"/>
      <c r="M3" s="404"/>
      <c r="N3" s="404"/>
      <c r="O3" s="404"/>
      <c r="P3" s="404"/>
      <c r="Q3" s="404"/>
      <c r="R3" s="404"/>
      <c r="S3" s="404"/>
      <c r="T3" s="207"/>
      <c r="U3" s="207"/>
      <c r="V3" s="207"/>
      <c r="W3" s="312"/>
    </row>
    <row r="4" spans="1:23" s="348" customFormat="1" ht="36" customHeight="1" thickBot="1" x14ac:dyDescent="0.25">
      <c r="A4" s="721" t="s">
        <v>49</v>
      </c>
      <c r="B4" s="723"/>
      <c r="C4" s="721" t="s">
        <v>159</v>
      </c>
      <c r="D4" s="722"/>
      <c r="E4" s="723"/>
      <c r="F4" s="738" t="s">
        <v>164</v>
      </c>
      <c r="G4" s="738"/>
      <c r="H4" s="738"/>
      <c r="I4" s="738"/>
      <c r="J4" s="739"/>
      <c r="K4" s="721" t="s">
        <v>246</v>
      </c>
      <c r="L4" s="722"/>
      <c r="M4" s="722"/>
      <c r="N4" s="722"/>
      <c r="O4" s="722"/>
      <c r="P4" s="722"/>
      <c r="Q4" s="722"/>
      <c r="R4" s="722"/>
      <c r="S4" s="722"/>
      <c r="T4" s="723"/>
      <c r="U4" s="434" t="s">
        <v>160</v>
      </c>
      <c r="V4" s="407" t="s">
        <v>161</v>
      </c>
      <c r="W4" s="407" t="s">
        <v>47</v>
      </c>
    </row>
    <row r="5" spans="1:23" ht="29.25" customHeight="1" x14ac:dyDescent="0.2">
      <c r="A5" s="392" t="s">
        <v>117</v>
      </c>
      <c r="B5" s="130"/>
      <c r="C5" s="42"/>
      <c r="D5" s="48"/>
      <c r="E5" s="51"/>
      <c r="F5" s="409"/>
      <c r="G5" s="412"/>
      <c r="H5" s="135"/>
      <c r="I5" s="136"/>
      <c r="J5" s="413"/>
      <c r="K5" s="408"/>
      <c r="L5" s="409"/>
      <c r="M5" s="136"/>
      <c r="N5" s="412"/>
      <c r="O5" s="135"/>
      <c r="P5" s="136"/>
      <c r="Q5" s="412"/>
      <c r="R5" s="135"/>
      <c r="S5" s="136"/>
      <c r="T5" s="413"/>
      <c r="U5" s="53" t="s">
        <v>151</v>
      </c>
      <c r="V5" s="131"/>
      <c r="W5" s="12"/>
    </row>
    <row r="6" spans="1:23" ht="29.25" customHeight="1" x14ac:dyDescent="0.2">
      <c r="A6" s="372" t="s">
        <v>139</v>
      </c>
      <c r="B6" s="9"/>
      <c r="C6" s="43"/>
      <c r="D6" s="49"/>
      <c r="E6" s="9"/>
      <c r="F6" s="122"/>
      <c r="G6" s="417"/>
      <c r="H6" s="122"/>
      <c r="I6" s="416"/>
      <c r="J6" s="430"/>
      <c r="K6" s="415"/>
      <c r="L6" s="122"/>
      <c r="M6" s="416"/>
      <c r="N6" s="417"/>
      <c r="O6" s="122"/>
      <c r="P6" s="416"/>
      <c r="Q6" s="417"/>
      <c r="R6" s="122"/>
      <c r="S6" s="416"/>
      <c r="T6" s="430"/>
      <c r="U6" s="53" t="s">
        <v>151</v>
      </c>
      <c r="V6" s="13"/>
      <c r="W6" s="13"/>
    </row>
    <row r="7" spans="1:23" ht="29.25" customHeight="1" x14ac:dyDescent="0.2">
      <c r="A7" s="372" t="s">
        <v>119</v>
      </c>
      <c r="B7" s="9"/>
      <c r="C7" s="44"/>
      <c r="D7" s="50"/>
      <c r="E7" s="10"/>
      <c r="F7" s="374"/>
      <c r="G7" s="376"/>
      <c r="H7" s="374"/>
      <c r="I7" s="375"/>
      <c r="J7" s="377">
        <v>0</v>
      </c>
      <c r="K7" s="373">
        <v>0</v>
      </c>
      <c r="L7" s="374"/>
      <c r="M7" s="375"/>
      <c r="N7" s="376"/>
      <c r="O7" s="374"/>
      <c r="P7" s="375"/>
      <c r="Q7" s="376"/>
      <c r="R7" s="374"/>
      <c r="S7" s="375"/>
      <c r="T7" s="377">
        <v>0</v>
      </c>
      <c r="U7" s="53" t="s">
        <v>151</v>
      </c>
      <c r="V7" s="13"/>
      <c r="W7" s="13"/>
    </row>
    <row r="8" spans="1:23" ht="29.25" customHeight="1" x14ac:dyDescent="0.2">
      <c r="A8" s="372" t="s">
        <v>121</v>
      </c>
      <c r="B8" s="9"/>
      <c r="C8" s="44"/>
      <c r="D8" s="50"/>
      <c r="E8" s="10"/>
      <c r="F8" s="374"/>
      <c r="G8" s="376"/>
      <c r="H8" s="374"/>
      <c r="I8" s="375"/>
      <c r="J8" s="377">
        <v>0</v>
      </c>
      <c r="K8" s="373">
        <v>0</v>
      </c>
      <c r="L8" s="374"/>
      <c r="M8" s="375"/>
      <c r="N8" s="376"/>
      <c r="O8" s="374"/>
      <c r="P8" s="375"/>
      <c r="Q8" s="376"/>
      <c r="R8" s="374"/>
      <c r="S8" s="375"/>
      <c r="T8" s="377">
        <v>0</v>
      </c>
      <c r="U8" s="53" t="s">
        <v>151</v>
      </c>
      <c r="V8" s="13"/>
      <c r="W8" s="13"/>
    </row>
    <row r="9" spans="1:23" ht="29.25" customHeight="1" x14ac:dyDescent="0.2">
      <c r="A9" s="372" t="s">
        <v>123</v>
      </c>
      <c r="B9" s="9"/>
      <c r="C9" s="44"/>
      <c r="D9" s="50"/>
      <c r="E9" s="10"/>
      <c r="F9" s="374"/>
      <c r="G9" s="376"/>
      <c r="H9" s="374"/>
      <c r="I9" s="375"/>
      <c r="J9" s="377">
        <v>0</v>
      </c>
      <c r="K9" s="373">
        <v>0</v>
      </c>
      <c r="L9" s="374"/>
      <c r="M9" s="375"/>
      <c r="N9" s="376"/>
      <c r="O9" s="374"/>
      <c r="P9" s="375"/>
      <c r="Q9" s="376"/>
      <c r="R9" s="374"/>
      <c r="S9" s="375"/>
      <c r="T9" s="377">
        <v>0</v>
      </c>
      <c r="U9" s="53" t="s">
        <v>151</v>
      </c>
      <c r="V9" s="13"/>
      <c r="W9" s="13"/>
    </row>
    <row r="10" spans="1:23" ht="29.25" customHeight="1" x14ac:dyDescent="0.2">
      <c r="A10" s="372" t="s">
        <v>125</v>
      </c>
      <c r="B10" s="9"/>
      <c r="C10" s="44"/>
      <c r="D10" s="50"/>
      <c r="E10" s="10"/>
      <c r="F10" s="374"/>
      <c r="G10" s="376"/>
      <c r="H10" s="374"/>
      <c r="I10" s="375"/>
      <c r="J10" s="377">
        <v>0</v>
      </c>
      <c r="K10" s="373">
        <v>0</v>
      </c>
      <c r="L10" s="374"/>
      <c r="M10" s="375"/>
      <c r="N10" s="376"/>
      <c r="O10" s="374"/>
      <c r="P10" s="375"/>
      <c r="Q10" s="376"/>
      <c r="R10" s="374"/>
      <c r="S10" s="375"/>
      <c r="T10" s="377">
        <v>0</v>
      </c>
      <c r="U10" s="53" t="s">
        <v>151</v>
      </c>
      <c r="V10" s="13"/>
      <c r="W10" s="13"/>
    </row>
    <row r="11" spans="1:23" ht="29.25" customHeight="1" x14ac:dyDescent="0.2">
      <c r="A11" s="372" t="s">
        <v>127</v>
      </c>
      <c r="B11" s="9"/>
      <c r="C11" s="44"/>
      <c r="D11" s="50"/>
      <c r="E11" s="10"/>
      <c r="F11" s="374"/>
      <c r="G11" s="376"/>
      <c r="H11" s="374"/>
      <c r="I11" s="375"/>
      <c r="J11" s="377">
        <v>0</v>
      </c>
      <c r="K11" s="373">
        <v>0</v>
      </c>
      <c r="L11" s="374"/>
      <c r="M11" s="375"/>
      <c r="N11" s="376"/>
      <c r="O11" s="374"/>
      <c r="P11" s="375"/>
      <c r="Q11" s="376"/>
      <c r="R11" s="374"/>
      <c r="S11" s="375"/>
      <c r="T11" s="377">
        <v>0</v>
      </c>
      <c r="U11" s="53" t="s">
        <v>151</v>
      </c>
      <c r="V11" s="13"/>
      <c r="W11" s="13"/>
    </row>
    <row r="12" spans="1:23" ht="29.25" customHeight="1" x14ac:dyDescent="0.2">
      <c r="A12" s="372" t="s">
        <v>129</v>
      </c>
      <c r="B12" s="9"/>
      <c r="C12" s="44"/>
      <c r="D12" s="50"/>
      <c r="E12" s="10"/>
      <c r="F12" s="374"/>
      <c r="G12" s="376"/>
      <c r="H12" s="374"/>
      <c r="I12" s="375"/>
      <c r="J12" s="377">
        <v>0</v>
      </c>
      <c r="K12" s="373">
        <v>0</v>
      </c>
      <c r="L12" s="374"/>
      <c r="M12" s="375"/>
      <c r="N12" s="376"/>
      <c r="O12" s="374"/>
      <c r="P12" s="375"/>
      <c r="Q12" s="376"/>
      <c r="R12" s="374"/>
      <c r="S12" s="375"/>
      <c r="T12" s="377">
        <v>0</v>
      </c>
      <c r="U12" s="53" t="s">
        <v>151</v>
      </c>
      <c r="V12" s="13"/>
      <c r="W12" s="13"/>
    </row>
    <row r="13" spans="1:23" ht="29.25" customHeight="1" x14ac:dyDescent="0.2">
      <c r="A13" s="372" t="s">
        <v>131</v>
      </c>
      <c r="B13" s="9"/>
      <c r="C13" s="44"/>
      <c r="D13" s="50"/>
      <c r="E13" s="10"/>
      <c r="F13" s="374"/>
      <c r="G13" s="376"/>
      <c r="H13" s="374"/>
      <c r="I13" s="375"/>
      <c r="J13" s="377">
        <v>0</v>
      </c>
      <c r="K13" s="373">
        <v>0</v>
      </c>
      <c r="L13" s="374"/>
      <c r="M13" s="375"/>
      <c r="N13" s="376"/>
      <c r="O13" s="374"/>
      <c r="P13" s="375"/>
      <c r="Q13" s="376"/>
      <c r="R13" s="374"/>
      <c r="S13" s="375"/>
      <c r="T13" s="377">
        <v>0</v>
      </c>
      <c r="U13" s="53" t="s">
        <v>151</v>
      </c>
      <c r="V13" s="13"/>
      <c r="W13" s="13"/>
    </row>
    <row r="14" spans="1:23" ht="29.25" customHeight="1" x14ac:dyDescent="0.2">
      <c r="A14" s="400">
        <v>10</v>
      </c>
      <c r="B14" s="9"/>
      <c r="C14" s="44"/>
      <c r="D14" s="50"/>
      <c r="E14" s="10"/>
      <c r="F14" s="374"/>
      <c r="G14" s="376"/>
      <c r="H14" s="374"/>
      <c r="I14" s="375"/>
      <c r="J14" s="377">
        <v>0</v>
      </c>
      <c r="K14" s="373">
        <v>0</v>
      </c>
      <c r="L14" s="374"/>
      <c r="M14" s="375"/>
      <c r="N14" s="376"/>
      <c r="O14" s="374"/>
      <c r="P14" s="375"/>
      <c r="Q14" s="376"/>
      <c r="R14" s="374"/>
      <c r="S14" s="375"/>
      <c r="T14" s="377">
        <v>0</v>
      </c>
      <c r="U14" s="53" t="s">
        <v>151</v>
      </c>
      <c r="V14" s="13"/>
      <c r="W14" s="13"/>
    </row>
    <row r="15" spans="1:23" ht="29.25" customHeight="1" x14ac:dyDescent="0.2">
      <c r="A15" s="400">
        <v>11</v>
      </c>
      <c r="B15" s="9"/>
      <c r="C15" s="44"/>
      <c r="D15" s="50"/>
      <c r="E15" s="10"/>
      <c r="F15" s="374"/>
      <c r="G15" s="376"/>
      <c r="H15" s="374"/>
      <c r="I15" s="375"/>
      <c r="J15" s="377">
        <v>0</v>
      </c>
      <c r="K15" s="373">
        <v>0</v>
      </c>
      <c r="L15" s="374"/>
      <c r="M15" s="375"/>
      <c r="N15" s="376"/>
      <c r="O15" s="374"/>
      <c r="P15" s="375"/>
      <c r="Q15" s="376"/>
      <c r="R15" s="374"/>
      <c r="S15" s="375"/>
      <c r="T15" s="377">
        <v>0</v>
      </c>
      <c r="U15" s="53" t="s">
        <v>151</v>
      </c>
      <c r="V15" s="13"/>
      <c r="W15" s="13"/>
    </row>
    <row r="16" spans="1:23" ht="29.25" customHeight="1" thickBot="1" x14ac:dyDescent="0.25">
      <c r="A16" s="400">
        <v>12</v>
      </c>
      <c r="B16" s="9"/>
      <c r="C16" s="44"/>
      <c r="D16" s="50"/>
      <c r="E16" s="10"/>
      <c r="F16" s="374"/>
      <c r="G16" s="376"/>
      <c r="H16" s="374"/>
      <c r="I16" s="375"/>
      <c r="J16" s="377">
        <v>0</v>
      </c>
      <c r="K16" s="373">
        <v>0</v>
      </c>
      <c r="L16" s="374"/>
      <c r="M16" s="375"/>
      <c r="N16" s="376"/>
      <c r="O16" s="374"/>
      <c r="P16" s="375"/>
      <c r="Q16" s="376"/>
      <c r="R16" s="374"/>
      <c r="S16" s="375"/>
      <c r="T16" s="377">
        <v>0</v>
      </c>
      <c r="U16" s="53" t="s">
        <v>151</v>
      </c>
      <c r="V16" s="13"/>
      <c r="W16" s="13"/>
    </row>
    <row r="17" spans="1:24" ht="29.25" customHeight="1" thickBot="1" x14ac:dyDescent="0.25">
      <c r="A17" s="675" t="s">
        <v>330</v>
      </c>
      <c r="B17" s="676"/>
      <c r="C17" s="678"/>
      <c r="D17" s="679"/>
      <c r="E17" s="680"/>
      <c r="F17" s="733"/>
      <c r="G17" s="734"/>
      <c r="H17" s="734"/>
      <c r="I17" s="734"/>
      <c r="J17" s="735"/>
      <c r="K17" s="420"/>
      <c r="L17" s="421"/>
      <c r="M17" s="104"/>
      <c r="N17" s="105"/>
      <c r="O17" s="103"/>
      <c r="P17" s="104"/>
      <c r="Q17" s="105"/>
      <c r="R17" s="103"/>
      <c r="S17" s="104"/>
      <c r="T17" s="106"/>
      <c r="U17" s="736" t="s">
        <v>370</v>
      </c>
      <c r="V17" s="671"/>
      <c r="W17" s="671"/>
      <c r="X17" s="497"/>
    </row>
    <row r="18" spans="1:24" ht="29.25" customHeight="1" thickBot="1" x14ac:dyDescent="0.25">
      <c r="A18" s="673" t="s">
        <v>140</v>
      </c>
      <c r="B18" s="674"/>
      <c r="C18" s="681"/>
      <c r="D18" s="682"/>
      <c r="E18" s="683"/>
      <c r="F18" s="733">
        <v>0</v>
      </c>
      <c r="G18" s="734"/>
      <c r="H18" s="734"/>
      <c r="I18" s="734"/>
      <c r="J18" s="735"/>
      <c r="K18" s="420">
        <v>0</v>
      </c>
      <c r="L18" s="421"/>
      <c r="M18" s="540"/>
      <c r="N18" s="105"/>
      <c r="O18" s="103"/>
      <c r="P18" s="104"/>
      <c r="Q18" s="105"/>
      <c r="R18" s="103"/>
      <c r="S18" s="104"/>
      <c r="T18" s="106"/>
      <c r="U18" s="737"/>
      <c r="V18" s="672"/>
      <c r="W18" s="672"/>
      <c r="X18" s="497"/>
    </row>
    <row r="34" spans="7:17" x14ac:dyDescent="0.2">
      <c r="L34" s="332"/>
      <c r="M34" s="332"/>
      <c r="O34" s="332"/>
      <c r="P34" s="332"/>
      <c r="Q34" s="332"/>
    </row>
    <row r="44" spans="7:17" x14ac:dyDescent="0.2">
      <c r="G44" s="529"/>
    </row>
  </sheetData>
  <mergeCells count="11">
    <mergeCell ref="K4:T4"/>
    <mergeCell ref="F17:J17"/>
    <mergeCell ref="F18:J18"/>
    <mergeCell ref="U17:W18"/>
    <mergeCell ref="F4:J4"/>
    <mergeCell ref="A4:B4"/>
    <mergeCell ref="C4:E4"/>
    <mergeCell ref="C17:E17"/>
    <mergeCell ref="C18:E18"/>
    <mergeCell ref="A17:B17"/>
    <mergeCell ref="A18:B18"/>
  </mergeCells>
  <phoneticPr fontId="2"/>
  <dataValidations count="5">
    <dataValidation type="textLength" allowBlank="1" showInputMessage="1" showErrorMessage="1" errorTitle="入力値エラー" error="100文字以内で入力してください｡" sqref="A17 B5:B16 C5:E17" xr:uid="{00000000-0002-0000-0900-000000000000}">
      <formula1>0</formula1>
      <formula2>100</formula2>
    </dataValidation>
    <dataValidation type="textLength" allowBlank="1" showInputMessage="1" showErrorMessage="1" errorTitle="入力値エラー" error="50文字以内で入力してください｡" sqref="W5:W16" xr:uid="{00000000-0002-0000-0900-000001000000}">
      <formula1>0</formula1>
      <formula2>50</formula2>
    </dataValidation>
    <dataValidation type="textLength" allowBlank="1" showInputMessage="1" showErrorMessage="1" errorTitle="入力値エラー" error="40文字以内で入力してください｡" sqref="V5:V16" xr:uid="{00000000-0002-0000-0900-000002000000}">
      <formula1>0</formula1>
      <formula2>40</formula2>
    </dataValidation>
    <dataValidation type="whole" imeMode="disabled" allowBlank="1" showInputMessage="1" showErrorMessage="1" errorTitle="入力値エラー" error="数字を入力してください。_x000a_もしくは、12桁以内で入力してください。" sqref="F6:T6" xr:uid="{00000000-0002-0000-0900-000003000000}">
      <formula1>0</formula1>
      <formula2>999999999999</formula2>
    </dataValidation>
    <dataValidation type="textLength" allowBlank="1" showInputMessage="1" showErrorMessage="1" errorTitle="入力値エラー" error="60文字以内で入力してください｡" sqref="U5:U16" xr:uid="{00000000-0002-0000-0900-000004000000}">
      <formula1>0</formula1>
      <formula2>6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T44"/>
  <sheetViews>
    <sheetView showZeros="0" view="pageBreakPreview" zoomScaleNormal="85" zoomScaleSheetLayoutView="100" workbookViewId="0">
      <selection sqref="A1:XFD1048576"/>
    </sheetView>
  </sheetViews>
  <sheetFormatPr defaultRowHeight="14.4" x14ac:dyDescent="0.2"/>
  <cols>
    <col min="1" max="1" width="3.59765625" style="333" customWidth="1"/>
    <col min="2" max="2" width="19" style="333" customWidth="1"/>
    <col min="3" max="5" width="2.69921875" style="296" customWidth="1"/>
    <col min="6" max="15" width="3" style="296" customWidth="1"/>
    <col min="16" max="16" width="8.796875" style="333"/>
    <col min="17" max="17" width="21.09765625" style="333" customWidth="1"/>
    <col min="18" max="18" width="6.59765625" style="333" customWidth="1"/>
    <col min="19" max="19" width="15.8984375" style="333" customWidth="1"/>
    <col min="20" max="20" width="9.5" style="333" customWidth="1"/>
    <col min="21" max="16384" width="8.796875" style="333"/>
  </cols>
  <sheetData>
    <row r="1" spans="1:20" ht="13.5" customHeight="1" x14ac:dyDescent="0.2">
      <c r="A1" s="293"/>
      <c r="B1" s="293"/>
      <c r="C1" s="293"/>
      <c r="D1" s="293"/>
      <c r="E1" s="293"/>
      <c r="F1" s="293"/>
      <c r="G1" s="293"/>
      <c r="H1" s="293"/>
      <c r="I1" s="293"/>
      <c r="J1" s="293"/>
      <c r="K1" s="293"/>
      <c r="L1" s="293"/>
      <c r="M1" s="293"/>
      <c r="N1" s="293"/>
      <c r="O1" s="293"/>
      <c r="P1" s="293"/>
      <c r="Q1" s="293"/>
      <c r="R1" s="293"/>
      <c r="S1" s="310"/>
      <c r="T1" s="295" t="s">
        <v>114</v>
      </c>
    </row>
    <row r="2" spans="1:20" ht="13.5" customHeight="1" thickBot="1" x14ac:dyDescent="0.25">
      <c r="A2" s="293"/>
      <c r="B2" s="297"/>
      <c r="C2" s="297"/>
      <c r="D2" s="297"/>
      <c r="E2" s="297"/>
      <c r="F2" s="297"/>
      <c r="G2" s="297"/>
      <c r="H2" s="297"/>
      <c r="I2" s="297"/>
      <c r="J2" s="297"/>
      <c r="K2" s="297"/>
      <c r="L2" s="297"/>
      <c r="M2" s="297"/>
      <c r="N2" s="297"/>
      <c r="O2" s="297"/>
      <c r="P2" s="297"/>
      <c r="Q2" s="297"/>
      <c r="R2" s="297"/>
      <c r="S2" s="293"/>
      <c r="T2" s="297"/>
    </row>
    <row r="3" spans="1:20" ht="24.75" customHeight="1" thickBot="1" x14ac:dyDescent="0.25">
      <c r="A3" s="742" t="s">
        <v>162</v>
      </c>
      <c r="B3" s="743"/>
      <c r="C3" s="743"/>
      <c r="D3" s="743"/>
      <c r="E3" s="743"/>
      <c r="F3" s="743"/>
      <c r="G3" s="743"/>
      <c r="H3" s="743"/>
      <c r="I3" s="743"/>
      <c r="J3" s="743"/>
      <c r="K3" s="743"/>
      <c r="L3" s="743"/>
      <c r="M3" s="743"/>
      <c r="N3" s="743"/>
      <c r="O3" s="744"/>
      <c r="P3" s="751" t="s">
        <v>50</v>
      </c>
      <c r="Q3" s="725"/>
      <c r="R3" s="753"/>
      <c r="S3" s="754"/>
      <c r="T3" s="755"/>
    </row>
    <row r="4" spans="1:20" ht="16.5" customHeight="1" x14ac:dyDescent="0.2">
      <c r="A4" s="745"/>
      <c r="B4" s="746"/>
      <c r="C4" s="746"/>
      <c r="D4" s="746"/>
      <c r="E4" s="746"/>
      <c r="F4" s="746"/>
      <c r="G4" s="746"/>
      <c r="H4" s="746"/>
      <c r="I4" s="746"/>
      <c r="J4" s="746"/>
      <c r="K4" s="746"/>
      <c r="L4" s="746"/>
      <c r="M4" s="746"/>
      <c r="N4" s="746"/>
      <c r="O4" s="747"/>
      <c r="P4" s="697" t="s">
        <v>342</v>
      </c>
      <c r="Q4" s="752"/>
      <c r="R4" s="710" t="s">
        <v>147</v>
      </c>
      <c r="S4" s="710"/>
      <c r="T4" s="756"/>
    </row>
    <row r="5" spans="1:20" ht="15.75" customHeight="1" thickBot="1" x14ac:dyDescent="0.25">
      <c r="A5" s="748"/>
      <c r="B5" s="749"/>
      <c r="C5" s="749"/>
      <c r="D5" s="749"/>
      <c r="E5" s="749"/>
      <c r="F5" s="749"/>
      <c r="G5" s="749"/>
      <c r="H5" s="749"/>
      <c r="I5" s="749"/>
      <c r="J5" s="749"/>
      <c r="K5" s="749"/>
      <c r="L5" s="749"/>
      <c r="M5" s="749"/>
      <c r="N5" s="749"/>
      <c r="O5" s="750"/>
      <c r="P5" s="726" t="s">
        <v>340</v>
      </c>
      <c r="Q5" s="757"/>
      <c r="R5" s="713"/>
      <c r="S5" s="713"/>
      <c r="T5" s="714"/>
    </row>
    <row r="6" spans="1:20" s="348" customFormat="1" ht="33" customHeight="1" thickBot="1" x14ac:dyDescent="0.25">
      <c r="A6" s="758" t="s">
        <v>247</v>
      </c>
      <c r="B6" s="759"/>
      <c r="C6" s="721" t="s">
        <v>159</v>
      </c>
      <c r="D6" s="722"/>
      <c r="E6" s="723"/>
      <c r="F6" s="721" t="s">
        <v>46</v>
      </c>
      <c r="G6" s="722"/>
      <c r="H6" s="722"/>
      <c r="I6" s="722"/>
      <c r="J6" s="722"/>
      <c r="K6" s="722"/>
      <c r="L6" s="722"/>
      <c r="M6" s="722"/>
      <c r="N6" s="722"/>
      <c r="O6" s="723"/>
      <c r="P6" s="434" t="s">
        <v>163</v>
      </c>
      <c r="Q6" s="699" t="s">
        <v>248</v>
      </c>
      <c r="R6" s="724"/>
      <c r="S6" s="495" t="s">
        <v>243</v>
      </c>
      <c r="T6" s="407" t="s">
        <v>47</v>
      </c>
    </row>
    <row r="7" spans="1:20" ht="27" customHeight="1" x14ac:dyDescent="0.2">
      <c r="A7" s="392" t="s">
        <v>117</v>
      </c>
      <c r="B7" s="117"/>
      <c r="C7" s="42"/>
      <c r="D7" s="48"/>
      <c r="E7" s="51"/>
      <c r="F7" s="408"/>
      <c r="G7" s="409"/>
      <c r="H7" s="410"/>
      <c r="I7" s="412"/>
      <c r="J7" s="135"/>
      <c r="K7" s="136"/>
      <c r="L7" s="412"/>
      <c r="M7" s="135"/>
      <c r="N7" s="136"/>
      <c r="O7" s="413"/>
      <c r="P7" s="53" t="s">
        <v>151</v>
      </c>
      <c r="Q7" s="701"/>
      <c r="R7" s="702"/>
      <c r="S7" s="139"/>
      <c r="T7" s="12"/>
    </row>
    <row r="8" spans="1:20" ht="27" customHeight="1" x14ac:dyDescent="0.2">
      <c r="A8" s="372" t="s">
        <v>139</v>
      </c>
      <c r="B8" s="9"/>
      <c r="C8" s="43"/>
      <c r="D8" s="49"/>
      <c r="E8" s="9"/>
      <c r="F8" s="415"/>
      <c r="G8" s="122"/>
      <c r="H8" s="416"/>
      <c r="I8" s="417"/>
      <c r="J8" s="122"/>
      <c r="K8" s="416"/>
      <c r="L8" s="417"/>
      <c r="M8" s="122"/>
      <c r="N8" s="416"/>
      <c r="O8" s="430"/>
      <c r="P8" s="53" t="s">
        <v>151</v>
      </c>
      <c r="Q8" s="740"/>
      <c r="R8" s="741"/>
      <c r="S8" s="13"/>
      <c r="T8" s="13"/>
    </row>
    <row r="9" spans="1:20" ht="27" customHeight="1" x14ac:dyDescent="0.2">
      <c r="A9" s="372" t="s">
        <v>119</v>
      </c>
      <c r="B9" s="9"/>
      <c r="C9" s="44"/>
      <c r="D9" s="50"/>
      <c r="E9" s="10"/>
      <c r="F9" s="373">
        <v>0</v>
      </c>
      <c r="G9" s="374"/>
      <c r="H9" s="375"/>
      <c r="I9" s="376"/>
      <c r="J9" s="374"/>
      <c r="K9" s="375"/>
      <c r="L9" s="376"/>
      <c r="M9" s="374"/>
      <c r="N9" s="375"/>
      <c r="O9" s="377">
        <v>0</v>
      </c>
      <c r="P9" s="53" t="s">
        <v>151</v>
      </c>
      <c r="Q9" s="740"/>
      <c r="R9" s="741"/>
      <c r="S9" s="13"/>
      <c r="T9" s="13"/>
    </row>
    <row r="10" spans="1:20" ht="27" customHeight="1" x14ac:dyDescent="0.2">
      <c r="A10" s="372" t="s">
        <v>121</v>
      </c>
      <c r="B10" s="9"/>
      <c r="C10" s="44"/>
      <c r="D10" s="50"/>
      <c r="E10" s="10"/>
      <c r="F10" s="373">
        <v>0</v>
      </c>
      <c r="G10" s="374"/>
      <c r="H10" s="375"/>
      <c r="I10" s="376"/>
      <c r="J10" s="374"/>
      <c r="K10" s="375"/>
      <c r="L10" s="376"/>
      <c r="M10" s="374"/>
      <c r="N10" s="375"/>
      <c r="O10" s="377">
        <v>0</v>
      </c>
      <c r="P10" s="53" t="s">
        <v>151</v>
      </c>
      <c r="Q10" s="740"/>
      <c r="R10" s="741"/>
      <c r="S10" s="13"/>
      <c r="T10" s="13"/>
    </row>
    <row r="11" spans="1:20" ht="27" customHeight="1" x14ac:dyDescent="0.2">
      <c r="A11" s="372" t="s">
        <v>123</v>
      </c>
      <c r="B11" s="9"/>
      <c r="C11" s="44"/>
      <c r="D11" s="50"/>
      <c r="E11" s="10"/>
      <c r="F11" s="373">
        <v>0</v>
      </c>
      <c r="G11" s="374"/>
      <c r="H11" s="375"/>
      <c r="I11" s="376"/>
      <c r="J11" s="374"/>
      <c r="K11" s="375"/>
      <c r="L11" s="376"/>
      <c r="M11" s="374"/>
      <c r="N11" s="375"/>
      <c r="O11" s="377">
        <v>0</v>
      </c>
      <c r="P11" s="53" t="s">
        <v>151</v>
      </c>
      <c r="Q11" s="740"/>
      <c r="R11" s="741"/>
      <c r="S11" s="13"/>
      <c r="T11" s="13"/>
    </row>
    <row r="12" spans="1:20" ht="27" customHeight="1" x14ac:dyDescent="0.2">
      <c r="A12" s="372" t="s">
        <v>125</v>
      </c>
      <c r="B12" s="9"/>
      <c r="C12" s="44"/>
      <c r="D12" s="50"/>
      <c r="E12" s="10"/>
      <c r="F12" s="373">
        <v>0</v>
      </c>
      <c r="G12" s="374"/>
      <c r="H12" s="375"/>
      <c r="I12" s="376"/>
      <c r="J12" s="374"/>
      <c r="K12" s="375"/>
      <c r="L12" s="376"/>
      <c r="M12" s="374"/>
      <c r="N12" s="375"/>
      <c r="O12" s="377">
        <v>0</v>
      </c>
      <c r="P12" s="53" t="s">
        <v>151</v>
      </c>
      <c r="Q12" s="740"/>
      <c r="R12" s="741"/>
      <c r="S12" s="13"/>
      <c r="T12" s="13"/>
    </row>
    <row r="13" spans="1:20" ht="27" customHeight="1" x14ac:dyDescent="0.2">
      <c r="A13" s="372" t="s">
        <v>127</v>
      </c>
      <c r="B13" s="9"/>
      <c r="C13" s="44"/>
      <c r="D13" s="50"/>
      <c r="E13" s="10"/>
      <c r="F13" s="373">
        <v>0</v>
      </c>
      <c r="G13" s="374"/>
      <c r="H13" s="375"/>
      <c r="I13" s="376"/>
      <c r="J13" s="374"/>
      <c r="K13" s="375"/>
      <c r="L13" s="376"/>
      <c r="M13" s="374"/>
      <c r="N13" s="375"/>
      <c r="O13" s="377">
        <v>0</v>
      </c>
      <c r="P13" s="53" t="s">
        <v>151</v>
      </c>
      <c r="Q13" s="740"/>
      <c r="R13" s="741"/>
      <c r="S13" s="13"/>
      <c r="T13" s="13"/>
    </row>
    <row r="14" spans="1:20" ht="27" customHeight="1" x14ac:dyDescent="0.2">
      <c r="A14" s="372" t="s">
        <v>129</v>
      </c>
      <c r="B14" s="9"/>
      <c r="C14" s="44"/>
      <c r="D14" s="50"/>
      <c r="E14" s="10"/>
      <c r="F14" s="373">
        <v>0</v>
      </c>
      <c r="G14" s="374"/>
      <c r="H14" s="375"/>
      <c r="I14" s="376"/>
      <c r="J14" s="374"/>
      <c r="K14" s="375"/>
      <c r="L14" s="376"/>
      <c r="M14" s="374"/>
      <c r="N14" s="375"/>
      <c r="O14" s="377">
        <v>0</v>
      </c>
      <c r="P14" s="53" t="s">
        <v>151</v>
      </c>
      <c r="Q14" s="740"/>
      <c r="R14" s="741"/>
      <c r="S14" s="13"/>
      <c r="T14" s="13"/>
    </row>
    <row r="15" spans="1:20" ht="27" customHeight="1" x14ac:dyDescent="0.2">
      <c r="A15" s="372" t="s">
        <v>131</v>
      </c>
      <c r="B15" s="9"/>
      <c r="C15" s="44"/>
      <c r="D15" s="50"/>
      <c r="E15" s="10"/>
      <c r="F15" s="373">
        <v>0</v>
      </c>
      <c r="G15" s="374"/>
      <c r="H15" s="375"/>
      <c r="I15" s="376"/>
      <c r="J15" s="374"/>
      <c r="K15" s="375"/>
      <c r="L15" s="376"/>
      <c r="M15" s="374"/>
      <c r="N15" s="375"/>
      <c r="O15" s="377">
        <v>0</v>
      </c>
      <c r="P15" s="53" t="s">
        <v>151</v>
      </c>
      <c r="Q15" s="740"/>
      <c r="R15" s="741"/>
      <c r="S15" s="13"/>
      <c r="T15" s="13"/>
    </row>
    <row r="16" spans="1:20" ht="27" customHeight="1" x14ac:dyDescent="0.2">
      <c r="A16" s="400">
        <v>10</v>
      </c>
      <c r="B16" s="9"/>
      <c r="C16" s="44"/>
      <c r="D16" s="50"/>
      <c r="E16" s="10"/>
      <c r="F16" s="373">
        <v>0</v>
      </c>
      <c r="G16" s="374"/>
      <c r="H16" s="375"/>
      <c r="I16" s="376"/>
      <c r="J16" s="374"/>
      <c r="K16" s="375"/>
      <c r="L16" s="376"/>
      <c r="M16" s="374"/>
      <c r="N16" s="375"/>
      <c r="O16" s="377">
        <v>0</v>
      </c>
      <c r="P16" s="53" t="s">
        <v>151</v>
      </c>
      <c r="Q16" s="740"/>
      <c r="R16" s="741"/>
      <c r="S16" s="13"/>
      <c r="T16" s="13"/>
    </row>
    <row r="17" spans="1:20" ht="27" customHeight="1" x14ac:dyDescent="0.2">
      <c r="A17" s="400">
        <v>11</v>
      </c>
      <c r="B17" s="9"/>
      <c r="C17" s="44"/>
      <c r="D17" s="50"/>
      <c r="E17" s="10"/>
      <c r="F17" s="373">
        <v>0</v>
      </c>
      <c r="G17" s="374"/>
      <c r="H17" s="375"/>
      <c r="I17" s="376"/>
      <c r="J17" s="374"/>
      <c r="K17" s="375"/>
      <c r="L17" s="376"/>
      <c r="M17" s="374"/>
      <c r="N17" s="375"/>
      <c r="O17" s="377">
        <v>0</v>
      </c>
      <c r="P17" s="53" t="s">
        <v>151</v>
      </c>
      <c r="Q17" s="740"/>
      <c r="R17" s="741"/>
      <c r="S17" s="13"/>
      <c r="T17" s="13"/>
    </row>
    <row r="18" spans="1:20" ht="27" customHeight="1" thickBot="1" x14ac:dyDescent="0.25">
      <c r="A18" s="400">
        <v>12</v>
      </c>
      <c r="B18" s="9"/>
      <c r="C18" s="44"/>
      <c r="D18" s="50"/>
      <c r="E18" s="10"/>
      <c r="F18" s="373">
        <v>0</v>
      </c>
      <c r="G18" s="374"/>
      <c r="H18" s="375"/>
      <c r="I18" s="376"/>
      <c r="J18" s="374"/>
      <c r="K18" s="375"/>
      <c r="L18" s="376"/>
      <c r="M18" s="539"/>
      <c r="N18" s="375"/>
      <c r="O18" s="377">
        <v>0</v>
      </c>
      <c r="P18" s="53" t="s">
        <v>151</v>
      </c>
      <c r="Q18" s="740"/>
      <c r="R18" s="741"/>
      <c r="S18" s="13"/>
      <c r="T18" s="13"/>
    </row>
    <row r="19" spans="1:20" ht="27" customHeight="1" thickBot="1" x14ac:dyDescent="0.25">
      <c r="A19" s="675" t="s">
        <v>330</v>
      </c>
      <c r="B19" s="676"/>
      <c r="C19" s="678"/>
      <c r="D19" s="679"/>
      <c r="E19" s="680"/>
      <c r="F19" s="420"/>
      <c r="G19" s="421"/>
      <c r="H19" s="422"/>
      <c r="I19" s="105"/>
      <c r="J19" s="103"/>
      <c r="K19" s="104"/>
      <c r="L19" s="105"/>
      <c r="M19" s="103"/>
      <c r="N19" s="104"/>
      <c r="O19" s="106"/>
      <c r="P19" s="671" t="s">
        <v>371</v>
      </c>
      <c r="Q19" s="671"/>
      <c r="R19" s="671"/>
      <c r="S19" s="671"/>
      <c r="T19" s="671"/>
    </row>
    <row r="20" spans="1:20" ht="27" customHeight="1" thickBot="1" x14ac:dyDescent="0.25">
      <c r="A20" s="673" t="s">
        <v>140</v>
      </c>
      <c r="B20" s="674"/>
      <c r="C20" s="681"/>
      <c r="D20" s="682"/>
      <c r="E20" s="683"/>
      <c r="F20" s="420">
        <v>0</v>
      </c>
      <c r="G20" s="421"/>
      <c r="H20" s="422"/>
      <c r="I20" s="105"/>
      <c r="J20" s="103"/>
      <c r="K20" s="104"/>
      <c r="L20" s="105"/>
      <c r="M20" s="103"/>
      <c r="N20" s="104"/>
      <c r="O20" s="106"/>
      <c r="P20" s="672"/>
      <c r="Q20" s="672"/>
      <c r="R20" s="672"/>
      <c r="S20" s="672"/>
      <c r="T20" s="672"/>
    </row>
    <row r="21" spans="1:20" ht="40.5" customHeight="1" x14ac:dyDescent="0.2">
      <c r="P21" s="672"/>
      <c r="Q21" s="672"/>
      <c r="R21" s="672"/>
      <c r="S21" s="672"/>
      <c r="T21" s="672"/>
    </row>
    <row r="34" spans="7:17" x14ac:dyDescent="0.2">
      <c r="L34" s="332"/>
      <c r="M34" s="332"/>
      <c r="O34" s="332"/>
      <c r="P34" s="494"/>
      <c r="Q34" s="494"/>
    </row>
    <row r="44" spans="7:17" x14ac:dyDescent="0.2">
      <c r="G44" s="529"/>
    </row>
  </sheetData>
  <mergeCells count="27">
    <mergeCell ref="Q11:R11"/>
    <mergeCell ref="A20:B20"/>
    <mergeCell ref="A6:B6"/>
    <mergeCell ref="C19:E19"/>
    <mergeCell ref="C20:E20"/>
    <mergeCell ref="C6:E6"/>
    <mergeCell ref="Q16:R16"/>
    <mergeCell ref="Q17:R17"/>
    <mergeCell ref="Q18:R18"/>
    <mergeCell ref="Q13:R13"/>
    <mergeCell ref="A19:B19"/>
    <mergeCell ref="Q12:R12"/>
    <mergeCell ref="Q14:R14"/>
    <mergeCell ref="Q15:R15"/>
    <mergeCell ref="P19:T21"/>
    <mergeCell ref="A3:O5"/>
    <mergeCell ref="Q6:R6"/>
    <mergeCell ref="Q7:R7"/>
    <mergeCell ref="P3:Q3"/>
    <mergeCell ref="P4:Q4"/>
    <mergeCell ref="R3:T3"/>
    <mergeCell ref="R4:T5"/>
    <mergeCell ref="P5:Q5"/>
    <mergeCell ref="F6:O6"/>
    <mergeCell ref="Q8:R8"/>
    <mergeCell ref="Q9:R9"/>
    <mergeCell ref="Q10:R10"/>
  </mergeCells>
  <phoneticPr fontId="2"/>
  <dataValidations count="5">
    <dataValidation type="textLength" allowBlank="1" showInputMessage="1" showErrorMessage="1" errorTitle="入力値エラー" error="100文字以内で入力してください｡" sqref="A19 B7:B18 C7:E19" xr:uid="{00000000-0002-0000-0A00-000000000000}">
      <formula1>0</formula1>
      <formula2>100</formula2>
    </dataValidation>
    <dataValidation type="textLength" allowBlank="1" showInputMessage="1" showErrorMessage="1" errorTitle="入力値エラー" error="25文字以内で入力してください｡" sqref="S7:S18" xr:uid="{00000000-0002-0000-0A00-000001000000}">
      <formula1>0</formula1>
      <formula2>25</formula2>
    </dataValidation>
    <dataValidation type="textLength" allowBlank="1" showInputMessage="1" showErrorMessage="1" errorTitle="入力値エラー" error="50文字以内で入力してください｡" sqref="T7:T18" xr:uid="{00000000-0002-0000-0A00-000002000000}">
      <formula1>0</formula1>
      <formula2>50</formula2>
    </dataValidation>
    <dataValidation type="textLength" allowBlank="1" showInputMessage="1" showErrorMessage="1" errorTitle="入力値エラー" error="60文字以内で入力してください｡" sqref="P7:R18" xr:uid="{00000000-0002-0000-0A00-000003000000}">
      <formula1>0</formula1>
      <formula2>60</formula2>
    </dataValidation>
    <dataValidation type="whole" imeMode="disabled" allowBlank="1" showInputMessage="1" showErrorMessage="1" errorTitle="入力値エラー" error="数字を入力してください。_x000a_もしくは、12桁以内で入力してください。" sqref="F8:O8" xr:uid="{00000000-0002-0000-0A00-000004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pageSetUpPr fitToPage="1"/>
  </sheetPr>
  <dimension ref="A1:U44"/>
  <sheetViews>
    <sheetView showZeros="0" view="pageBreakPreview" zoomScaleNormal="85" zoomScaleSheetLayoutView="100" workbookViewId="0">
      <selection sqref="A1:XFD1048576"/>
    </sheetView>
  </sheetViews>
  <sheetFormatPr defaultRowHeight="14.4" x14ac:dyDescent="0.2"/>
  <cols>
    <col min="1" max="1" width="3.59765625" style="333" customWidth="1"/>
    <col min="2" max="2" width="18.8984375" style="333" customWidth="1"/>
    <col min="3" max="5" width="2.5" style="296" customWidth="1"/>
    <col min="6" max="15" width="2.59765625" style="296" customWidth="1"/>
    <col min="16" max="16" width="8.3984375" style="333" customWidth="1"/>
    <col min="17" max="17" width="8.796875" style="333"/>
    <col min="18" max="18" width="18.59765625" style="333" customWidth="1"/>
    <col min="19" max="19" width="7.19921875" style="333" customWidth="1"/>
    <col min="20" max="20" width="13.19921875" style="333" customWidth="1"/>
    <col min="21" max="21" width="8.09765625" style="333" customWidth="1"/>
    <col min="22" max="22" width="13.19921875" style="333" customWidth="1"/>
    <col min="23" max="16384" width="8.796875" style="333"/>
  </cols>
  <sheetData>
    <row r="1" spans="1:21" ht="13.5" customHeight="1" x14ac:dyDescent="0.2">
      <c r="A1" s="293"/>
      <c r="B1" s="293"/>
      <c r="C1" s="293"/>
      <c r="D1" s="293"/>
      <c r="E1" s="293"/>
      <c r="F1" s="293"/>
      <c r="G1" s="293"/>
      <c r="H1" s="293"/>
      <c r="I1" s="293"/>
      <c r="J1" s="293"/>
      <c r="K1" s="293"/>
      <c r="L1" s="293"/>
      <c r="M1" s="293"/>
      <c r="N1" s="293"/>
      <c r="O1" s="293"/>
      <c r="P1" s="293"/>
      <c r="Q1" s="293"/>
      <c r="R1" s="436"/>
      <c r="S1" s="436"/>
      <c r="T1" s="293"/>
      <c r="U1" s="295" t="s">
        <v>115</v>
      </c>
    </row>
    <row r="2" spans="1:21" ht="13.5" customHeight="1" thickBot="1" x14ac:dyDescent="0.25">
      <c r="A2" s="293"/>
      <c r="B2" s="297"/>
      <c r="C2" s="297"/>
      <c r="D2" s="297"/>
      <c r="E2" s="297"/>
      <c r="F2" s="297"/>
      <c r="G2" s="297"/>
      <c r="H2" s="297"/>
      <c r="I2" s="297"/>
      <c r="J2" s="297"/>
      <c r="K2" s="297"/>
      <c r="L2" s="297"/>
      <c r="M2" s="297"/>
      <c r="N2" s="297"/>
      <c r="O2" s="297"/>
      <c r="P2" s="297"/>
      <c r="Q2" s="297"/>
      <c r="R2" s="293"/>
      <c r="S2" s="293"/>
      <c r="T2" s="293"/>
      <c r="U2" s="297"/>
    </row>
    <row r="3" spans="1:21" ht="24.75" customHeight="1" thickBot="1" x14ac:dyDescent="0.25">
      <c r="A3" s="764" t="s">
        <v>166</v>
      </c>
      <c r="B3" s="765"/>
      <c r="C3" s="765"/>
      <c r="D3" s="765"/>
      <c r="E3" s="765"/>
      <c r="F3" s="765"/>
      <c r="G3" s="765"/>
      <c r="H3" s="765"/>
      <c r="I3" s="765"/>
      <c r="J3" s="765"/>
      <c r="K3" s="765"/>
      <c r="L3" s="765"/>
      <c r="M3" s="765"/>
      <c r="N3" s="765"/>
      <c r="O3" s="765"/>
      <c r="P3" s="766"/>
      <c r="Q3" s="721" t="s">
        <v>50</v>
      </c>
      <c r="R3" s="774"/>
      <c r="S3" s="776"/>
      <c r="T3" s="777"/>
      <c r="U3" s="778"/>
    </row>
    <row r="4" spans="1:21" ht="19.5" customHeight="1" x14ac:dyDescent="0.2">
      <c r="A4" s="767"/>
      <c r="B4" s="768"/>
      <c r="C4" s="768"/>
      <c r="D4" s="768"/>
      <c r="E4" s="768"/>
      <c r="F4" s="768"/>
      <c r="G4" s="768"/>
      <c r="H4" s="768"/>
      <c r="I4" s="768"/>
      <c r="J4" s="768"/>
      <c r="K4" s="768"/>
      <c r="L4" s="768"/>
      <c r="M4" s="768"/>
      <c r="N4" s="768"/>
      <c r="O4" s="768"/>
      <c r="P4" s="769"/>
      <c r="Q4" s="697" t="s">
        <v>343</v>
      </c>
      <c r="R4" s="775"/>
      <c r="S4" s="710" t="s">
        <v>147</v>
      </c>
      <c r="T4" s="710"/>
      <c r="U4" s="756"/>
    </row>
    <row r="5" spans="1:21" ht="14.25" customHeight="1" thickBot="1" x14ac:dyDescent="0.25">
      <c r="A5" s="770"/>
      <c r="B5" s="771"/>
      <c r="C5" s="771"/>
      <c r="D5" s="771"/>
      <c r="E5" s="771"/>
      <c r="F5" s="771"/>
      <c r="G5" s="771"/>
      <c r="H5" s="771"/>
      <c r="I5" s="771"/>
      <c r="J5" s="771"/>
      <c r="K5" s="771"/>
      <c r="L5" s="771"/>
      <c r="M5" s="771"/>
      <c r="N5" s="771"/>
      <c r="O5" s="771"/>
      <c r="P5" s="772"/>
      <c r="Q5" s="726" t="s">
        <v>340</v>
      </c>
      <c r="R5" s="773"/>
      <c r="S5" s="713"/>
      <c r="T5" s="713"/>
      <c r="U5" s="714"/>
    </row>
    <row r="6" spans="1:21" s="348" customFormat="1" ht="29.25" customHeight="1" thickBot="1" x14ac:dyDescent="0.25">
      <c r="A6" s="760" t="s">
        <v>249</v>
      </c>
      <c r="B6" s="761"/>
      <c r="C6" s="721" t="s">
        <v>165</v>
      </c>
      <c r="D6" s="722"/>
      <c r="E6" s="723"/>
      <c r="F6" s="721" t="s">
        <v>46</v>
      </c>
      <c r="G6" s="722"/>
      <c r="H6" s="722"/>
      <c r="I6" s="722"/>
      <c r="J6" s="722"/>
      <c r="K6" s="722"/>
      <c r="L6" s="722"/>
      <c r="M6" s="722"/>
      <c r="N6" s="722"/>
      <c r="O6" s="723"/>
      <c r="P6" s="434" t="s">
        <v>152</v>
      </c>
      <c r="Q6" s="489" t="s">
        <v>153</v>
      </c>
      <c r="R6" s="699" t="s">
        <v>248</v>
      </c>
      <c r="S6" s="724"/>
      <c r="T6" s="490" t="s">
        <v>243</v>
      </c>
      <c r="U6" s="407" t="s">
        <v>64</v>
      </c>
    </row>
    <row r="7" spans="1:21" ht="27" customHeight="1" x14ac:dyDescent="0.2">
      <c r="A7" s="392" t="s">
        <v>117</v>
      </c>
      <c r="B7" s="137"/>
      <c r="C7" s="42"/>
      <c r="D7" s="48"/>
      <c r="E7" s="51"/>
      <c r="F7" s="491"/>
      <c r="G7" s="409"/>
      <c r="H7" s="410"/>
      <c r="I7" s="492"/>
      <c r="J7" s="133"/>
      <c r="K7" s="134"/>
      <c r="L7" s="492"/>
      <c r="M7" s="133"/>
      <c r="N7" s="134"/>
      <c r="O7" s="493"/>
      <c r="P7" s="53" t="s">
        <v>151</v>
      </c>
      <c r="Q7" s="54" t="s">
        <v>157</v>
      </c>
      <c r="R7" s="762"/>
      <c r="S7" s="763"/>
      <c r="T7" s="140"/>
      <c r="U7" s="12"/>
    </row>
    <row r="8" spans="1:21" ht="27" customHeight="1" x14ac:dyDescent="0.2">
      <c r="A8" s="372" t="s">
        <v>139</v>
      </c>
      <c r="B8" s="9"/>
      <c r="C8" s="43"/>
      <c r="D8" s="49"/>
      <c r="E8" s="9"/>
      <c r="F8" s="415"/>
      <c r="G8" s="122"/>
      <c r="H8" s="416"/>
      <c r="I8" s="417"/>
      <c r="J8" s="122"/>
      <c r="K8" s="416"/>
      <c r="L8" s="417"/>
      <c r="M8" s="122"/>
      <c r="N8" s="416"/>
      <c r="O8" s="430"/>
      <c r="P8" s="53" t="s">
        <v>151</v>
      </c>
      <c r="Q8" s="54" t="s">
        <v>157</v>
      </c>
      <c r="R8" s="740"/>
      <c r="S8" s="741"/>
      <c r="T8" s="13"/>
      <c r="U8" s="13"/>
    </row>
    <row r="9" spans="1:21" ht="27" customHeight="1" x14ac:dyDescent="0.2">
      <c r="A9" s="372" t="s">
        <v>119</v>
      </c>
      <c r="B9" s="9"/>
      <c r="C9" s="44"/>
      <c r="D9" s="50"/>
      <c r="E9" s="10"/>
      <c r="F9" s="373">
        <v>0</v>
      </c>
      <c r="G9" s="374"/>
      <c r="H9" s="375"/>
      <c r="I9" s="376"/>
      <c r="J9" s="374"/>
      <c r="K9" s="375"/>
      <c r="L9" s="376"/>
      <c r="M9" s="374"/>
      <c r="N9" s="375"/>
      <c r="O9" s="377">
        <v>0</v>
      </c>
      <c r="P9" s="53" t="s">
        <v>151</v>
      </c>
      <c r="Q9" s="54" t="s">
        <v>157</v>
      </c>
      <c r="R9" s="740"/>
      <c r="S9" s="741"/>
      <c r="T9" s="13"/>
      <c r="U9" s="13"/>
    </row>
    <row r="10" spans="1:21" ht="27" customHeight="1" x14ac:dyDescent="0.2">
      <c r="A10" s="372" t="s">
        <v>121</v>
      </c>
      <c r="B10" s="9"/>
      <c r="C10" s="44"/>
      <c r="D10" s="50"/>
      <c r="E10" s="10"/>
      <c r="F10" s="373">
        <v>0</v>
      </c>
      <c r="G10" s="374"/>
      <c r="H10" s="375"/>
      <c r="I10" s="376"/>
      <c r="J10" s="374"/>
      <c r="K10" s="375"/>
      <c r="L10" s="376"/>
      <c r="M10" s="374"/>
      <c r="N10" s="375"/>
      <c r="O10" s="377">
        <v>0</v>
      </c>
      <c r="P10" s="53" t="s">
        <v>151</v>
      </c>
      <c r="Q10" s="54" t="s">
        <v>157</v>
      </c>
      <c r="R10" s="740"/>
      <c r="S10" s="741"/>
      <c r="T10" s="13"/>
      <c r="U10" s="13"/>
    </row>
    <row r="11" spans="1:21" ht="27" customHeight="1" x14ac:dyDescent="0.2">
      <c r="A11" s="372" t="s">
        <v>123</v>
      </c>
      <c r="B11" s="9"/>
      <c r="C11" s="44"/>
      <c r="D11" s="50"/>
      <c r="E11" s="10"/>
      <c r="F11" s="373">
        <v>0</v>
      </c>
      <c r="G11" s="374"/>
      <c r="H11" s="375"/>
      <c r="I11" s="376"/>
      <c r="J11" s="374"/>
      <c r="K11" s="375"/>
      <c r="L11" s="376"/>
      <c r="M11" s="374"/>
      <c r="N11" s="375"/>
      <c r="O11" s="377">
        <v>0</v>
      </c>
      <c r="P11" s="53" t="s">
        <v>151</v>
      </c>
      <c r="Q11" s="54" t="s">
        <v>157</v>
      </c>
      <c r="R11" s="740"/>
      <c r="S11" s="741"/>
      <c r="T11" s="13"/>
      <c r="U11" s="13"/>
    </row>
    <row r="12" spans="1:21" ht="27" customHeight="1" x14ac:dyDescent="0.2">
      <c r="A12" s="372" t="s">
        <v>125</v>
      </c>
      <c r="B12" s="9"/>
      <c r="C12" s="44"/>
      <c r="D12" s="50"/>
      <c r="E12" s="10"/>
      <c r="F12" s="373">
        <v>0</v>
      </c>
      <c r="G12" s="374"/>
      <c r="H12" s="375"/>
      <c r="I12" s="376"/>
      <c r="J12" s="374"/>
      <c r="K12" s="375"/>
      <c r="L12" s="376"/>
      <c r="M12" s="374"/>
      <c r="N12" s="375"/>
      <c r="O12" s="377">
        <v>0</v>
      </c>
      <c r="P12" s="53" t="s">
        <v>151</v>
      </c>
      <c r="Q12" s="54" t="s">
        <v>157</v>
      </c>
      <c r="R12" s="740"/>
      <c r="S12" s="741"/>
      <c r="T12" s="13"/>
      <c r="U12" s="13"/>
    </row>
    <row r="13" spans="1:21" ht="27" customHeight="1" x14ac:dyDescent="0.2">
      <c r="A13" s="372" t="s">
        <v>127</v>
      </c>
      <c r="B13" s="9"/>
      <c r="C13" s="44"/>
      <c r="D13" s="50"/>
      <c r="E13" s="10"/>
      <c r="F13" s="373">
        <v>0</v>
      </c>
      <c r="G13" s="374"/>
      <c r="H13" s="375"/>
      <c r="I13" s="376"/>
      <c r="J13" s="374"/>
      <c r="K13" s="375"/>
      <c r="L13" s="376"/>
      <c r="M13" s="374"/>
      <c r="N13" s="375"/>
      <c r="O13" s="377">
        <v>0</v>
      </c>
      <c r="P13" s="53" t="s">
        <v>151</v>
      </c>
      <c r="Q13" s="54" t="s">
        <v>157</v>
      </c>
      <c r="R13" s="740"/>
      <c r="S13" s="741"/>
      <c r="T13" s="13"/>
      <c r="U13" s="13"/>
    </row>
    <row r="14" spans="1:21" ht="27" customHeight="1" x14ac:dyDescent="0.2">
      <c r="A14" s="372" t="s">
        <v>129</v>
      </c>
      <c r="B14" s="9"/>
      <c r="C14" s="44"/>
      <c r="D14" s="50"/>
      <c r="E14" s="10"/>
      <c r="F14" s="373">
        <v>0</v>
      </c>
      <c r="G14" s="374"/>
      <c r="H14" s="375"/>
      <c r="I14" s="376"/>
      <c r="J14" s="374"/>
      <c r="K14" s="375"/>
      <c r="L14" s="376"/>
      <c r="M14" s="374"/>
      <c r="N14" s="375"/>
      <c r="O14" s="377">
        <v>0</v>
      </c>
      <c r="P14" s="53" t="s">
        <v>151</v>
      </c>
      <c r="Q14" s="54" t="s">
        <v>157</v>
      </c>
      <c r="R14" s="740"/>
      <c r="S14" s="741"/>
      <c r="T14" s="13"/>
      <c r="U14" s="13"/>
    </row>
    <row r="15" spans="1:21" ht="27" customHeight="1" x14ac:dyDescent="0.2">
      <c r="A15" s="372" t="s">
        <v>131</v>
      </c>
      <c r="B15" s="9"/>
      <c r="C15" s="44"/>
      <c r="D15" s="50"/>
      <c r="E15" s="10"/>
      <c r="F15" s="373">
        <v>0</v>
      </c>
      <c r="G15" s="374"/>
      <c r="H15" s="375"/>
      <c r="I15" s="376"/>
      <c r="J15" s="374"/>
      <c r="K15" s="375"/>
      <c r="L15" s="376"/>
      <c r="M15" s="374"/>
      <c r="N15" s="375"/>
      <c r="O15" s="377">
        <v>0</v>
      </c>
      <c r="P15" s="53" t="s">
        <v>151</v>
      </c>
      <c r="Q15" s="54" t="s">
        <v>157</v>
      </c>
      <c r="R15" s="740"/>
      <c r="S15" s="741"/>
      <c r="T15" s="13"/>
      <c r="U15" s="13"/>
    </row>
    <row r="16" spans="1:21" ht="27" customHeight="1" x14ac:dyDescent="0.2">
      <c r="A16" s="400">
        <v>10</v>
      </c>
      <c r="B16" s="9"/>
      <c r="C16" s="44"/>
      <c r="D16" s="50"/>
      <c r="E16" s="10"/>
      <c r="F16" s="373">
        <v>0</v>
      </c>
      <c r="G16" s="374"/>
      <c r="H16" s="375"/>
      <c r="I16" s="376"/>
      <c r="J16" s="374"/>
      <c r="K16" s="375"/>
      <c r="L16" s="376"/>
      <c r="M16" s="374"/>
      <c r="N16" s="375"/>
      <c r="O16" s="377">
        <v>0</v>
      </c>
      <c r="P16" s="53" t="s">
        <v>151</v>
      </c>
      <c r="Q16" s="54" t="s">
        <v>157</v>
      </c>
      <c r="R16" s="740"/>
      <c r="S16" s="741"/>
      <c r="T16" s="13"/>
      <c r="U16" s="13"/>
    </row>
    <row r="17" spans="1:21" ht="27" customHeight="1" x14ac:dyDescent="0.2">
      <c r="A17" s="400">
        <v>11</v>
      </c>
      <c r="B17" s="9"/>
      <c r="C17" s="44"/>
      <c r="D17" s="50"/>
      <c r="E17" s="10"/>
      <c r="F17" s="373">
        <v>0</v>
      </c>
      <c r="G17" s="374"/>
      <c r="H17" s="375"/>
      <c r="I17" s="376"/>
      <c r="J17" s="374"/>
      <c r="K17" s="375"/>
      <c r="L17" s="376"/>
      <c r="M17" s="374"/>
      <c r="N17" s="375"/>
      <c r="O17" s="377">
        <v>0</v>
      </c>
      <c r="P17" s="53" t="s">
        <v>151</v>
      </c>
      <c r="Q17" s="54" t="s">
        <v>157</v>
      </c>
      <c r="R17" s="740"/>
      <c r="S17" s="741"/>
      <c r="T17" s="13"/>
      <c r="U17" s="13"/>
    </row>
    <row r="18" spans="1:21" ht="27" customHeight="1" thickBot="1" x14ac:dyDescent="0.25">
      <c r="A18" s="400">
        <v>12</v>
      </c>
      <c r="B18" s="9"/>
      <c r="C18" s="44"/>
      <c r="D18" s="50"/>
      <c r="E18" s="10"/>
      <c r="F18" s="373">
        <v>0</v>
      </c>
      <c r="G18" s="374"/>
      <c r="H18" s="375"/>
      <c r="I18" s="376"/>
      <c r="J18" s="374"/>
      <c r="K18" s="375"/>
      <c r="L18" s="376"/>
      <c r="M18" s="539"/>
      <c r="N18" s="375"/>
      <c r="O18" s="377">
        <v>0</v>
      </c>
      <c r="P18" s="53" t="s">
        <v>151</v>
      </c>
      <c r="Q18" s="54" t="s">
        <v>157</v>
      </c>
      <c r="R18" s="740"/>
      <c r="S18" s="741"/>
      <c r="T18" s="13"/>
      <c r="U18" s="13"/>
    </row>
    <row r="19" spans="1:21" ht="27" customHeight="1" thickBot="1" x14ac:dyDescent="0.25">
      <c r="A19" s="675" t="s">
        <v>330</v>
      </c>
      <c r="B19" s="676"/>
      <c r="C19" s="678"/>
      <c r="D19" s="679"/>
      <c r="E19" s="680"/>
      <c r="F19" s="420"/>
      <c r="G19" s="421"/>
      <c r="H19" s="422"/>
      <c r="I19" s="201"/>
      <c r="J19" s="202"/>
      <c r="K19" s="203"/>
      <c r="L19" s="201"/>
      <c r="M19" s="202"/>
      <c r="N19" s="203"/>
      <c r="O19" s="204"/>
      <c r="P19" s="671" t="s">
        <v>372</v>
      </c>
      <c r="Q19" s="671"/>
      <c r="R19" s="671"/>
      <c r="S19" s="671"/>
      <c r="T19" s="671"/>
      <c r="U19" s="671"/>
    </row>
    <row r="20" spans="1:21" ht="27" customHeight="1" thickBot="1" x14ac:dyDescent="0.25">
      <c r="A20" s="673" t="s">
        <v>140</v>
      </c>
      <c r="B20" s="674"/>
      <c r="C20" s="681"/>
      <c r="D20" s="682"/>
      <c r="E20" s="683"/>
      <c r="F20" s="420">
        <v>0</v>
      </c>
      <c r="G20" s="421"/>
      <c r="H20" s="422"/>
      <c r="I20" s="201"/>
      <c r="J20" s="202"/>
      <c r="K20" s="203"/>
      <c r="L20" s="201"/>
      <c r="M20" s="202"/>
      <c r="N20" s="203"/>
      <c r="O20" s="204"/>
      <c r="P20" s="672"/>
      <c r="Q20" s="672"/>
      <c r="R20" s="672"/>
      <c r="S20" s="672"/>
      <c r="T20" s="672"/>
      <c r="U20" s="672"/>
    </row>
    <row r="21" spans="1:21" ht="40.5" customHeight="1" x14ac:dyDescent="0.2">
      <c r="P21" s="672"/>
      <c r="Q21" s="672"/>
      <c r="R21" s="672"/>
      <c r="S21" s="672"/>
      <c r="T21" s="672"/>
      <c r="U21" s="672"/>
    </row>
    <row r="34" spans="7:17" x14ac:dyDescent="0.2">
      <c r="L34" s="332"/>
      <c r="M34" s="332"/>
      <c r="O34" s="332"/>
      <c r="P34" s="494"/>
      <c r="Q34" s="494"/>
    </row>
    <row r="44" spans="7:17" x14ac:dyDescent="0.2">
      <c r="G44" s="529"/>
    </row>
  </sheetData>
  <mergeCells count="27">
    <mergeCell ref="R8:S8"/>
    <mergeCell ref="R17:S17"/>
    <mergeCell ref="R10:S10"/>
    <mergeCell ref="R11:S11"/>
    <mergeCell ref="R16:S16"/>
    <mergeCell ref="A3:P5"/>
    <mergeCell ref="S4:U5"/>
    <mergeCell ref="Q5:R5"/>
    <mergeCell ref="Q3:R3"/>
    <mergeCell ref="Q4:R4"/>
    <mergeCell ref="S3:U3"/>
    <mergeCell ref="F6:O6"/>
    <mergeCell ref="R6:S6"/>
    <mergeCell ref="P19:U21"/>
    <mergeCell ref="A6:B6"/>
    <mergeCell ref="A19:B19"/>
    <mergeCell ref="A20:B20"/>
    <mergeCell ref="C6:E6"/>
    <mergeCell ref="C19:E19"/>
    <mergeCell ref="C20:E20"/>
    <mergeCell ref="R9:S9"/>
    <mergeCell ref="R18:S18"/>
    <mergeCell ref="R12:S12"/>
    <mergeCell ref="R13:S13"/>
    <mergeCell ref="R14:S14"/>
    <mergeCell ref="R15:S15"/>
    <mergeCell ref="R7:S7"/>
  </mergeCells>
  <phoneticPr fontId="2"/>
  <dataValidations count="5">
    <dataValidation type="textLength" allowBlank="1" showInputMessage="1" showErrorMessage="1" errorTitle="入力値エラー" error="100文字以内で入力してください｡" sqref="A19 B7:B18 C7:E19" xr:uid="{00000000-0002-0000-0B00-000000000000}">
      <formula1>0</formula1>
      <formula2>100</formula2>
    </dataValidation>
    <dataValidation type="textLength" allowBlank="1" showInputMessage="1" showErrorMessage="1" errorTitle="入力値エラー" error="25文字以内で入力してください｡" sqref="T7:T18" xr:uid="{00000000-0002-0000-0B00-000001000000}">
      <formula1>0</formula1>
      <formula2>25</formula2>
    </dataValidation>
    <dataValidation type="textLength" allowBlank="1" showInputMessage="1" showErrorMessage="1" errorTitle="入力値エラー" error="50文字以内で入力してください｡" sqref="U7:U18" xr:uid="{00000000-0002-0000-0B00-000002000000}">
      <formula1>0</formula1>
      <formula2>50</formula2>
    </dataValidation>
    <dataValidation type="textLength" allowBlank="1" showInputMessage="1" showErrorMessage="1" errorTitle="入力値エラー" error="60文字以内で入力してください｡" sqref="P7:S18" xr:uid="{00000000-0002-0000-0B00-000003000000}">
      <formula1>0</formula1>
      <formula2>60</formula2>
    </dataValidation>
    <dataValidation type="whole" imeMode="disabled" allowBlank="1" showInputMessage="1" showErrorMessage="1" errorTitle="入力値エラー" error="数字を入力してください。_x000a_もしくは、12桁以内で入力してください。" sqref="F8:O8" xr:uid="{00000000-0002-0000-0B00-000004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A1:AB44"/>
  <sheetViews>
    <sheetView showZeros="0" view="pageBreakPreview" zoomScale="60" zoomScaleNormal="100" workbookViewId="0">
      <selection activeCell="R23" sqref="R23:AB24"/>
    </sheetView>
  </sheetViews>
  <sheetFormatPr defaultRowHeight="14.4" x14ac:dyDescent="0.2"/>
  <cols>
    <col min="1" max="1" width="4.09765625" style="333" customWidth="1"/>
    <col min="2" max="2" width="3.69921875" style="488" customWidth="1"/>
    <col min="3" max="3" width="3" style="333" customWidth="1"/>
    <col min="4" max="4" width="14.8984375" style="333" customWidth="1"/>
    <col min="5" max="5" width="13.8984375" style="333" customWidth="1"/>
    <col min="6" max="6" width="5.8984375" style="333" customWidth="1"/>
    <col min="7" max="7" width="4.8984375" style="333" customWidth="1"/>
    <col min="8" max="17" width="3" style="296" customWidth="1"/>
    <col min="18" max="27" width="2.69921875" style="296" customWidth="1"/>
    <col min="28" max="28" width="15.59765625" style="333" customWidth="1"/>
    <col min="29" max="29" width="12.19921875" style="333" customWidth="1"/>
    <col min="30" max="16384" width="8.796875" style="333"/>
  </cols>
  <sheetData>
    <row r="1" spans="1:28" ht="12.75" customHeight="1" x14ac:dyDescent="0.2">
      <c r="A1" s="293"/>
      <c r="B1" s="435"/>
      <c r="C1" s="293"/>
      <c r="D1" s="293"/>
      <c r="E1" s="293"/>
      <c r="F1" s="293"/>
      <c r="G1" s="293"/>
      <c r="H1" s="293"/>
      <c r="I1" s="293"/>
      <c r="J1" s="293"/>
      <c r="K1" s="293"/>
      <c r="L1" s="293"/>
      <c r="M1" s="293"/>
      <c r="N1" s="293"/>
      <c r="O1" s="293"/>
      <c r="P1" s="293"/>
      <c r="Q1" s="293"/>
      <c r="R1" s="293"/>
      <c r="S1" s="293"/>
      <c r="T1" s="293"/>
      <c r="U1" s="293"/>
      <c r="V1" s="293"/>
      <c r="W1" s="293"/>
      <c r="X1" s="293"/>
      <c r="Y1" s="293"/>
      <c r="Z1" s="293"/>
      <c r="AA1" s="293"/>
      <c r="AB1" s="295" t="s">
        <v>167</v>
      </c>
    </row>
    <row r="2" spans="1:28" ht="12.75" customHeight="1" x14ac:dyDescent="0.2">
      <c r="A2" s="293"/>
      <c r="B2" s="435"/>
      <c r="C2" s="293"/>
      <c r="D2" s="293"/>
      <c r="E2" s="293"/>
      <c r="F2" s="293"/>
      <c r="G2" s="293"/>
      <c r="H2" s="297"/>
      <c r="I2" s="297"/>
      <c r="J2" s="297"/>
      <c r="K2" s="297"/>
      <c r="L2" s="297"/>
      <c r="M2" s="297"/>
      <c r="N2" s="297"/>
      <c r="O2" s="297"/>
      <c r="P2" s="297"/>
      <c r="Q2" s="297"/>
      <c r="R2" s="297"/>
      <c r="S2" s="297"/>
      <c r="T2" s="297"/>
      <c r="U2" s="297"/>
      <c r="V2" s="297"/>
      <c r="W2" s="297"/>
      <c r="X2" s="297"/>
      <c r="Y2" s="297"/>
      <c r="Z2" s="297"/>
      <c r="AA2" s="297"/>
      <c r="AB2" s="436"/>
    </row>
    <row r="3" spans="1:28" ht="18" customHeight="1" thickBot="1" x14ac:dyDescent="0.25">
      <c r="A3" s="308" t="s">
        <v>51</v>
      </c>
      <c r="B3" s="437"/>
      <c r="C3" s="308"/>
      <c r="D3" s="308"/>
      <c r="E3" s="308"/>
      <c r="F3" s="308"/>
      <c r="G3" s="308"/>
      <c r="H3" s="308"/>
      <c r="I3" s="308"/>
      <c r="J3" s="308"/>
      <c r="K3" s="308"/>
      <c r="L3" s="308"/>
      <c r="M3" s="308"/>
      <c r="N3" s="308"/>
      <c r="O3" s="308"/>
      <c r="P3" s="308"/>
      <c r="Q3" s="308"/>
      <c r="R3" s="308"/>
      <c r="S3" s="308"/>
      <c r="T3" s="308"/>
      <c r="U3" s="308"/>
      <c r="V3" s="308"/>
      <c r="W3" s="308"/>
      <c r="X3" s="308"/>
      <c r="Y3" s="308"/>
      <c r="Z3" s="308"/>
      <c r="AA3" s="308"/>
      <c r="AB3" s="308"/>
    </row>
    <row r="4" spans="1:28" ht="18" customHeight="1" thickBot="1" x14ac:dyDescent="0.25">
      <c r="A4" s="306" t="s">
        <v>168</v>
      </c>
      <c r="B4" s="311"/>
      <c r="C4" s="207"/>
      <c r="D4" s="207"/>
      <c r="E4" s="207"/>
      <c r="F4" s="207"/>
      <c r="G4" s="207"/>
      <c r="H4" s="207"/>
      <c r="I4" s="207"/>
      <c r="J4" s="207"/>
      <c r="K4" s="207"/>
      <c r="L4" s="207"/>
      <c r="M4" s="207"/>
      <c r="N4" s="207"/>
      <c r="O4" s="207"/>
      <c r="P4" s="207"/>
      <c r="Q4" s="207"/>
      <c r="R4" s="207"/>
      <c r="S4" s="207"/>
      <c r="T4" s="207"/>
      <c r="U4" s="207"/>
      <c r="V4" s="207"/>
      <c r="W4" s="207"/>
      <c r="X4" s="207"/>
      <c r="Y4" s="207"/>
      <c r="Z4" s="207"/>
      <c r="AA4" s="207"/>
      <c r="AB4" s="312"/>
    </row>
    <row r="5" spans="1:28" ht="19.5" customHeight="1" thickBot="1" x14ac:dyDescent="0.25">
      <c r="A5" s="751" t="s">
        <v>52</v>
      </c>
      <c r="B5" s="710"/>
      <c r="C5" s="710"/>
      <c r="D5" s="710"/>
      <c r="E5" s="710"/>
      <c r="F5" s="710"/>
      <c r="G5" s="756"/>
      <c r="H5" s="710" t="s">
        <v>46</v>
      </c>
      <c r="I5" s="710"/>
      <c r="J5" s="710"/>
      <c r="K5" s="710"/>
      <c r="L5" s="710"/>
      <c r="M5" s="710"/>
      <c r="N5" s="710"/>
      <c r="O5" s="710"/>
      <c r="P5" s="710"/>
      <c r="Q5" s="756"/>
      <c r="R5" s="751" t="s">
        <v>53</v>
      </c>
      <c r="S5" s="710"/>
      <c r="T5" s="710"/>
      <c r="U5" s="710"/>
      <c r="V5" s="710"/>
      <c r="W5" s="710"/>
      <c r="X5" s="710"/>
      <c r="Y5" s="710"/>
      <c r="Z5" s="710"/>
      <c r="AA5" s="710"/>
      <c r="AB5" s="756"/>
    </row>
    <row r="6" spans="1:28" ht="27" customHeight="1" thickBot="1" x14ac:dyDescent="0.25">
      <c r="A6" s="782"/>
      <c r="B6" s="780"/>
      <c r="C6" s="780"/>
      <c r="D6" s="780"/>
      <c r="E6" s="780"/>
      <c r="F6" s="780"/>
      <c r="G6" s="781"/>
      <c r="H6" s="780"/>
      <c r="I6" s="780"/>
      <c r="J6" s="780"/>
      <c r="K6" s="780"/>
      <c r="L6" s="780"/>
      <c r="M6" s="780"/>
      <c r="N6" s="780"/>
      <c r="O6" s="780"/>
      <c r="P6" s="780"/>
      <c r="Q6" s="781"/>
      <c r="R6" s="758" t="s">
        <v>188</v>
      </c>
      <c r="S6" s="791"/>
      <c r="T6" s="791"/>
      <c r="U6" s="791"/>
      <c r="V6" s="791"/>
      <c r="W6" s="791"/>
      <c r="X6" s="791"/>
      <c r="Y6" s="791"/>
      <c r="Z6" s="791"/>
      <c r="AA6" s="759"/>
      <c r="AB6" s="438"/>
    </row>
    <row r="7" spans="1:28" ht="24" customHeight="1" x14ac:dyDescent="0.2">
      <c r="A7" s="787" t="s">
        <v>335</v>
      </c>
      <c r="B7" s="265" t="s">
        <v>176</v>
      </c>
      <c r="C7" s="790" t="s">
        <v>54</v>
      </c>
      <c r="D7" s="790"/>
      <c r="E7" s="790"/>
      <c r="F7" s="266"/>
      <c r="G7" s="439" t="s">
        <v>117</v>
      </c>
      <c r="H7" s="440"/>
      <c r="I7" s="409"/>
      <c r="J7" s="410"/>
      <c r="K7" s="412"/>
      <c r="L7" s="135"/>
      <c r="M7" s="136"/>
      <c r="N7" s="412"/>
      <c r="O7" s="135"/>
      <c r="P7" s="136"/>
      <c r="Q7" s="413"/>
      <c r="R7" s="440"/>
      <c r="S7" s="409"/>
      <c r="T7" s="410"/>
      <c r="U7" s="411"/>
      <c r="V7" s="409"/>
      <c r="W7" s="410"/>
      <c r="X7" s="411"/>
      <c r="Y7" s="409"/>
      <c r="Z7" s="410"/>
      <c r="AA7" s="441"/>
      <c r="AB7" s="12"/>
    </row>
    <row r="8" spans="1:28" ht="24" customHeight="1" x14ac:dyDescent="0.2">
      <c r="A8" s="788"/>
      <c r="B8" s="267" t="s">
        <v>177</v>
      </c>
      <c r="C8" s="783" t="s">
        <v>55</v>
      </c>
      <c r="D8" s="783"/>
      <c r="E8" s="783"/>
      <c r="F8" s="57"/>
      <c r="G8" s="442" t="s">
        <v>169</v>
      </c>
      <c r="H8" s="443">
        <v>0</v>
      </c>
      <c r="I8" s="374"/>
      <c r="J8" s="375"/>
      <c r="K8" s="376"/>
      <c r="L8" s="374"/>
      <c r="M8" s="100"/>
      <c r="N8" s="101"/>
      <c r="O8" s="99"/>
      <c r="P8" s="100"/>
      <c r="Q8" s="102"/>
      <c r="R8" s="443">
        <v>0</v>
      </c>
      <c r="S8" s="374"/>
      <c r="T8" s="375"/>
      <c r="U8" s="376"/>
      <c r="V8" s="374"/>
      <c r="W8" s="375"/>
      <c r="X8" s="376"/>
      <c r="Y8" s="374"/>
      <c r="Z8" s="375"/>
      <c r="AA8" s="377">
        <v>0</v>
      </c>
      <c r="AB8" s="13"/>
    </row>
    <row r="9" spans="1:28" ht="24" customHeight="1" x14ac:dyDescent="0.2">
      <c r="A9" s="788"/>
      <c r="B9" s="267" t="s">
        <v>178</v>
      </c>
      <c r="C9" s="783" t="s">
        <v>56</v>
      </c>
      <c r="D9" s="783"/>
      <c r="E9" s="783"/>
      <c r="F9" s="57"/>
      <c r="G9" s="442" t="s">
        <v>119</v>
      </c>
      <c r="H9" s="443">
        <v>0</v>
      </c>
      <c r="I9" s="374"/>
      <c r="J9" s="375"/>
      <c r="K9" s="376"/>
      <c r="L9" s="99"/>
      <c r="M9" s="100"/>
      <c r="N9" s="101"/>
      <c r="O9" s="99"/>
      <c r="P9" s="100"/>
      <c r="Q9" s="102"/>
      <c r="R9" s="443">
        <v>0</v>
      </c>
      <c r="S9" s="374"/>
      <c r="T9" s="375"/>
      <c r="U9" s="376"/>
      <c r="V9" s="374"/>
      <c r="W9" s="375"/>
      <c r="X9" s="376"/>
      <c r="Y9" s="374"/>
      <c r="Z9" s="375"/>
      <c r="AA9" s="377">
        <v>0</v>
      </c>
      <c r="AB9" s="13"/>
    </row>
    <row r="10" spans="1:28" ht="24" customHeight="1" thickBot="1" x14ac:dyDescent="0.25">
      <c r="A10" s="788"/>
      <c r="B10" s="268" t="s">
        <v>179</v>
      </c>
      <c r="C10" s="786" t="s">
        <v>57</v>
      </c>
      <c r="D10" s="786"/>
      <c r="E10" s="786"/>
      <c r="F10" s="444"/>
      <c r="G10" s="445" t="s">
        <v>121</v>
      </c>
      <c r="H10" s="446">
        <v>0</v>
      </c>
      <c r="I10" s="447"/>
      <c r="J10" s="448"/>
      <c r="K10" s="449"/>
      <c r="L10" s="157"/>
      <c r="M10" s="112"/>
      <c r="N10" s="156"/>
      <c r="O10" s="157"/>
      <c r="P10" s="112"/>
      <c r="Q10" s="158"/>
      <c r="R10" s="446">
        <v>0</v>
      </c>
      <c r="S10" s="447"/>
      <c r="T10" s="448"/>
      <c r="U10" s="449"/>
      <c r="V10" s="447"/>
      <c r="W10" s="448"/>
      <c r="X10" s="449"/>
      <c r="Y10" s="447"/>
      <c r="Z10" s="448"/>
      <c r="AA10" s="450">
        <v>0</v>
      </c>
      <c r="AB10" s="14"/>
    </row>
    <row r="11" spans="1:28" ht="24" customHeight="1" thickBot="1" x14ac:dyDescent="0.25">
      <c r="A11" s="789"/>
      <c r="B11" s="428"/>
      <c r="C11" s="779" t="s">
        <v>333</v>
      </c>
      <c r="D11" s="779"/>
      <c r="E11" s="451" t="s">
        <v>196</v>
      </c>
      <c r="F11" s="452"/>
      <c r="G11" s="453" t="s">
        <v>123</v>
      </c>
      <c r="H11" s="454">
        <v>0</v>
      </c>
      <c r="I11" s="455"/>
      <c r="J11" s="456"/>
      <c r="K11" s="109"/>
      <c r="L11" s="107"/>
      <c r="M11" s="108"/>
      <c r="N11" s="109"/>
      <c r="O11" s="107"/>
      <c r="P11" s="108"/>
      <c r="Q11" s="110"/>
      <c r="R11" s="454">
        <v>0</v>
      </c>
      <c r="S11" s="455"/>
      <c r="T11" s="456"/>
      <c r="U11" s="457"/>
      <c r="V11" s="455"/>
      <c r="W11" s="456"/>
      <c r="X11" s="457"/>
      <c r="Y11" s="455"/>
      <c r="Z11" s="456"/>
      <c r="AA11" s="458">
        <v>0</v>
      </c>
      <c r="AB11" s="264"/>
    </row>
    <row r="12" spans="1:28" ht="24" customHeight="1" x14ac:dyDescent="0.2">
      <c r="A12" s="787" t="s">
        <v>334</v>
      </c>
      <c r="B12" s="269" t="s">
        <v>189</v>
      </c>
      <c r="C12" s="790" t="s">
        <v>58</v>
      </c>
      <c r="D12" s="790"/>
      <c r="E12" s="790"/>
      <c r="F12" s="459"/>
      <c r="G12" s="439" t="s">
        <v>171</v>
      </c>
      <c r="H12" s="460">
        <v>0</v>
      </c>
      <c r="I12" s="461"/>
      <c r="J12" s="462"/>
      <c r="K12" s="252"/>
      <c r="L12" s="251"/>
      <c r="M12" s="111"/>
      <c r="N12" s="252"/>
      <c r="O12" s="251"/>
      <c r="P12" s="111"/>
      <c r="Q12" s="253"/>
      <c r="R12" s="460">
        <v>0</v>
      </c>
      <c r="S12" s="461"/>
      <c r="T12" s="462"/>
      <c r="U12" s="463"/>
      <c r="V12" s="461"/>
      <c r="W12" s="462"/>
      <c r="X12" s="463"/>
      <c r="Y12" s="461"/>
      <c r="Z12" s="462"/>
      <c r="AA12" s="464">
        <v>0</v>
      </c>
      <c r="AB12" s="270"/>
    </row>
    <row r="13" spans="1:28" ht="24" customHeight="1" x14ac:dyDescent="0.2">
      <c r="A13" s="788"/>
      <c r="B13" s="267" t="s">
        <v>190</v>
      </c>
      <c r="C13" s="783" t="s">
        <v>59</v>
      </c>
      <c r="D13" s="783"/>
      <c r="E13" s="783"/>
      <c r="F13" s="57"/>
      <c r="G13" s="442" t="s">
        <v>170</v>
      </c>
      <c r="H13" s="443">
        <v>0</v>
      </c>
      <c r="I13" s="374"/>
      <c r="J13" s="375"/>
      <c r="K13" s="376"/>
      <c r="L13" s="99"/>
      <c r="M13" s="100"/>
      <c r="N13" s="101"/>
      <c r="O13" s="99"/>
      <c r="P13" s="100"/>
      <c r="Q13" s="102"/>
      <c r="R13" s="443">
        <v>0</v>
      </c>
      <c r="S13" s="374"/>
      <c r="T13" s="375"/>
      <c r="U13" s="376"/>
      <c r="V13" s="374"/>
      <c r="W13" s="375"/>
      <c r="X13" s="376"/>
      <c r="Y13" s="374"/>
      <c r="Z13" s="375"/>
      <c r="AA13" s="377">
        <v>0</v>
      </c>
      <c r="AB13" s="13"/>
    </row>
    <row r="14" spans="1:28" ht="30.75" customHeight="1" x14ac:dyDescent="0.2">
      <c r="A14" s="788"/>
      <c r="B14" s="272" t="s">
        <v>191</v>
      </c>
      <c r="C14" s="784" t="s">
        <v>198</v>
      </c>
      <c r="D14" s="785"/>
      <c r="E14" s="465" t="s">
        <v>195</v>
      </c>
      <c r="F14" s="466"/>
      <c r="G14" s="467" t="s">
        <v>172</v>
      </c>
      <c r="H14" s="443">
        <v>0</v>
      </c>
      <c r="I14" s="374"/>
      <c r="J14" s="100"/>
      <c r="K14" s="101"/>
      <c r="L14" s="99"/>
      <c r="M14" s="100"/>
      <c r="N14" s="101"/>
      <c r="O14" s="99"/>
      <c r="P14" s="100"/>
      <c r="Q14" s="102"/>
      <c r="R14" s="443">
        <v>0</v>
      </c>
      <c r="S14" s="374"/>
      <c r="T14" s="375"/>
      <c r="U14" s="376"/>
      <c r="V14" s="374"/>
      <c r="W14" s="375"/>
      <c r="X14" s="376"/>
      <c r="Y14" s="374"/>
      <c r="Z14" s="375"/>
      <c r="AA14" s="377">
        <v>0</v>
      </c>
      <c r="AB14" s="24"/>
    </row>
    <row r="15" spans="1:28" ht="23.25" customHeight="1" x14ac:dyDescent="0.2">
      <c r="A15" s="788"/>
      <c r="B15" s="468"/>
      <c r="C15" s="469" t="s">
        <v>180</v>
      </c>
      <c r="D15" s="783" t="s">
        <v>181</v>
      </c>
      <c r="E15" s="783"/>
      <c r="F15" s="57"/>
      <c r="G15" s="442" t="s">
        <v>131</v>
      </c>
      <c r="H15" s="443">
        <v>0</v>
      </c>
      <c r="I15" s="374"/>
      <c r="J15" s="375"/>
      <c r="K15" s="376"/>
      <c r="L15" s="99"/>
      <c r="M15" s="100"/>
      <c r="N15" s="101"/>
      <c r="O15" s="99"/>
      <c r="P15" s="100"/>
      <c r="Q15" s="102"/>
      <c r="R15" s="443">
        <v>0</v>
      </c>
      <c r="S15" s="374"/>
      <c r="T15" s="375"/>
      <c r="U15" s="376"/>
      <c r="V15" s="374"/>
      <c r="W15" s="375"/>
      <c r="X15" s="376"/>
      <c r="Y15" s="374"/>
      <c r="Z15" s="375"/>
      <c r="AA15" s="377">
        <v>0</v>
      </c>
      <c r="AB15" s="13"/>
    </row>
    <row r="16" spans="1:28" ht="23.25" customHeight="1" x14ac:dyDescent="0.2">
      <c r="A16" s="788"/>
      <c r="B16" s="468"/>
      <c r="C16" s="469" t="s">
        <v>173</v>
      </c>
      <c r="D16" s="783" t="s">
        <v>182</v>
      </c>
      <c r="E16" s="783"/>
      <c r="F16" s="57"/>
      <c r="G16" s="470">
        <v>10</v>
      </c>
      <c r="H16" s="443">
        <v>0</v>
      </c>
      <c r="I16" s="374"/>
      <c r="J16" s="375"/>
      <c r="K16" s="376"/>
      <c r="L16" s="99"/>
      <c r="M16" s="100"/>
      <c r="N16" s="101"/>
      <c r="O16" s="99"/>
      <c r="P16" s="100"/>
      <c r="Q16" s="102"/>
      <c r="R16" s="443">
        <v>0</v>
      </c>
      <c r="S16" s="374"/>
      <c r="T16" s="375"/>
      <c r="U16" s="376"/>
      <c r="V16" s="374"/>
      <c r="W16" s="375"/>
      <c r="X16" s="376"/>
      <c r="Y16" s="374"/>
      <c r="Z16" s="375"/>
      <c r="AA16" s="377">
        <v>0</v>
      </c>
      <c r="AB16" s="13"/>
    </row>
    <row r="17" spans="1:28" ht="23.25" customHeight="1" x14ac:dyDescent="0.2">
      <c r="A17" s="788"/>
      <c r="B17" s="468"/>
      <c r="C17" s="469" t="s">
        <v>174</v>
      </c>
      <c r="D17" s="783" t="s">
        <v>183</v>
      </c>
      <c r="E17" s="783"/>
      <c r="F17" s="57"/>
      <c r="G17" s="470">
        <v>11</v>
      </c>
      <c r="H17" s="443">
        <v>0</v>
      </c>
      <c r="I17" s="374"/>
      <c r="J17" s="100"/>
      <c r="K17" s="101"/>
      <c r="L17" s="99"/>
      <c r="M17" s="100"/>
      <c r="N17" s="101"/>
      <c r="O17" s="99"/>
      <c r="P17" s="100"/>
      <c r="Q17" s="102"/>
      <c r="R17" s="443">
        <v>0</v>
      </c>
      <c r="S17" s="374"/>
      <c r="T17" s="375"/>
      <c r="U17" s="376"/>
      <c r="V17" s="374"/>
      <c r="W17" s="375"/>
      <c r="X17" s="376"/>
      <c r="Y17" s="374"/>
      <c r="Z17" s="375"/>
      <c r="AA17" s="377">
        <v>0</v>
      </c>
      <c r="AB17" s="13"/>
    </row>
    <row r="18" spans="1:28" ht="23.25" customHeight="1" x14ac:dyDescent="0.2">
      <c r="A18" s="788"/>
      <c r="B18" s="471"/>
      <c r="C18" s="469" t="s">
        <v>175</v>
      </c>
      <c r="D18" s="783" t="s">
        <v>184</v>
      </c>
      <c r="E18" s="783"/>
      <c r="F18" s="57"/>
      <c r="G18" s="470">
        <v>12</v>
      </c>
      <c r="H18" s="472">
        <v>0</v>
      </c>
      <c r="I18" s="473"/>
      <c r="J18" s="474"/>
      <c r="K18" s="475"/>
      <c r="L18" s="115"/>
      <c r="M18" s="538"/>
      <c r="N18" s="114"/>
      <c r="O18" s="115"/>
      <c r="P18" s="113"/>
      <c r="Q18" s="116"/>
      <c r="R18" s="472">
        <v>0</v>
      </c>
      <c r="S18" s="473"/>
      <c r="T18" s="474"/>
      <c r="U18" s="475"/>
      <c r="V18" s="473"/>
      <c r="W18" s="474"/>
      <c r="X18" s="475"/>
      <c r="Y18" s="473"/>
      <c r="Z18" s="474"/>
      <c r="AA18" s="476">
        <v>0</v>
      </c>
      <c r="AB18" s="13"/>
    </row>
    <row r="19" spans="1:28" ht="24" customHeight="1" x14ac:dyDescent="0.2">
      <c r="A19" s="788"/>
      <c r="B19" s="273" t="s">
        <v>192</v>
      </c>
      <c r="C19" s="792" t="s">
        <v>185</v>
      </c>
      <c r="D19" s="792"/>
      <c r="E19" s="792"/>
      <c r="F19" s="477"/>
      <c r="G19" s="478">
        <v>13</v>
      </c>
      <c r="H19" s="479">
        <v>0</v>
      </c>
      <c r="I19" s="480"/>
      <c r="J19" s="481"/>
      <c r="K19" s="482"/>
      <c r="L19" s="480"/>
      <c r="M19" s="255"/>
      <c r="N19" s="256"/>
      <c r="O19" s="257"/>
      <c r="P19" s="255"/>
      <c r="Q19" s="258"/>
      <c r="R19" s="479">
        <v>0</v>
      </c>
      <c r="S19" s="480"/>
      <c r="T19" s="481"/>
      <c r="U19" s="482"/>
      <c r="V19" s="480"/>
      <c r="W19" s="481"/>
      <c r="X19" s="482"/>
      <c r="Y19" s="480"/>
      <c r="Z19" s="481"/>
      <c r="AA19" s="483">
        <v>0</v>
      </c>
      <c r="AB19" s="22"/>
    </row>
    <row r="20" spans="1:28" ht="24" customHeight="1" x14ac:dyDescent="0.2">
      <c r="A20" s="788"/>
      <c r="B20" s="267" t="s">
        <v>193</v>
      </c>
      <c r="C20" s="783" t="s">
        <v>186</v>
      </c>
      <c r="D20" s="783"/>
      <c r="E20" s="783"/>
      <c r="F20" s="56"/>
      <c r="G20" s="470">
        <v>14</v>
      </c>
      <c r="H20" s="472"/>
      <c r="I20" s="473"/>
      <c r="J20" s="474"/>
      <c r="K20" s="475"/>
      <c r="L20" s="115"/>
      <c r="M20" s="113"/>
      <c r="N20" s="114"/>
      <c r="O20" s="115"/>
      <c r="P20" s="113"/>
      <c r="Q20" s="116"/>
      <c r="R20" s="472"/>
      <c r="S20" s="473"/>
      <c r="T20" s="474"/>
      <c r="U20" s="475"/>
      <c r="V20" s="473"/>
      <c r="W20" s="474"/>
      <c r="X20" s="475"/>
      <c r="Y20" s="473"/>
      <c r="Z20" s="474"/>
      <c r="AA20" s="476"/>
      <c r="AB20" s="23"/>
    </row>
    <row r="21" spans="1:28" ht="24" customHeight="1" thickBot="1" x14ac:dyDescent="0.25">
      <c r="A21" s="788"/>
      <c r="B21" s="268" t="s">
        <v>194</v>
      </c>
      <c r="C21" s="786" t="s">
        <v>187</v>
      </c>
      <c r="D21" s="786"/>
      <c r="E21" s="786"/>
      <c r="F21" s="271"/>
      <c r="G21" s="484">
        <v>15</v>
      </c>
      <c r="H21" s="446">
        <v>0</v>
      </c>
      <c r="I21" s="447"/>
      <c r="J21" s="448"/>
      <c r="K21" s="449"/>
      <c r="L21" s="157"/>
      <c r="M21" s="112"/>
      <c r="N21" s="156"/>
      <c r="O21" s="157"/>
      <c r="P21" s="112"/>
      <c r="Q21" s="158"/>
      <c r="R21" s="446">
        <v>0</v>
      </c>
      <c r="S21" s="447"/>
      <c r="T21" s="448"/>
      <c r="U21" s="449"/>
      <c r="V21" s="447"/>
      <c r="W21" s="448"/>
      <c r="X21" s="449"/>
      <c r="Y21" s="447"/>
      <c r="Z21" s="448"/>
      <c r="AA21" s="450">
        <v>0</v>
      </c>
      <c r="AB21" s="14"/>
    </row>
    <row r="22" spans="1:28" ht="24" customHeight="1" thickBot="1" x14ac:dyDescent="0.25">
      <c r="A22" s="789"/>
      <c r="B22" s="428"/>
      <c r="C22" s="779" t="s">
        <v>333</v>
      </c>
      <c r="D22" s="779"/>
      <c r="E22" s="485" t="s">
        <v>197</v>
      </c>
      <c r="F22" s="452"/>
      <c r="G22" s="486">
        <v>16</v>
      </c>
      <c r="H22" s="454"/>
      <c r="I22" s="455"/>
      <c r="J22" s="108"/>
      <c r="K22" s="109"/>
      <c r="L22" s="107"/>
      <c r="M22" s="108"/>
      <c r="N22" s="109"/>
      <c r="O22" s="107"/>
      <c r="P22" s="108"/>
      <c r="Q22" s="110"/>
      <c r="R22" s="454"/>
      <c r="S22" s="455"/>
      <c r="T22" s="456"/>
      <c r="U22" s="457"/>
      <c r="V22" s="455"/>
      <c r="W22" s="456"/>
      <c r="X22" s="457"/>
      <c r="Y22" s="455"/>
      <c r="Z22" s="456"/>
      <c r="AA22" s="458"/>
      <c r="AB22" s="264"/>
    </row>
    <row r="23" spans="1:28" ht="24" customHeight="1" thickBot="1" x14ac:dyDescent="0.25">
      <c r="A23" s="721" t="s">
        <v>199</v>
      </c>
      <c r="B23" s="722"/>
      <c r="C23" s="722"/>
      <c r="D23" s="722"/>
      <c r="E23" s="722"/>
      <c r="F23" s="722"/>
      <c r="G23" s="487">
        <v>17</v>
      </c>
      <c r="H23" s="420"/>
      <c r="I23" s="421"/>
      <c r="J23" s="104"/>
      <c r="K23" s="105"/>
      <c r="L23" s="103"/>
      <c r="M23" s="104"/>
      <c r="N23" s="105"/>
      <c r="O23" s="103"/>
      <c r="P23" s="104"/>
      <c r="Q23" s="106"/>
      <c r="R23" s="671" t="s">
        <v>267</v>
      </c>
      <c r="S23" s="671"/>
      <c r="T23" s="671"/>
      <c r="U23" s="671"/>
      <c r="V23" s="671"/>
      <c r="W23" s="671"/>
      <c r="X23" s="671"/>
      <c r="Y23" s="671"/>
      <c r="Z23" s="671"/>
      <c r="AA23" s="671"/>
      <c r="AB23" s="671"/>
    </row>
    <row r="24" spans="1:28" ht="13.5" customHeight="1" x14ac:dyDescent="0.2">
      <c r="R24" s="672"/>
      <c r="S24" s="672"/>
      <c r="T24" s="672"/>
      <c r="U24" s="672"/>
      <c r="V24" s="672"/>
      <c r="W24" s="672"/>
      <c r="X24" s="672"/>
      <c r="Y24" s="672"/>
      <c r="Z24" s="672"/>
      <c r="AA24" s="672"/>
      <c r="AB24" s="672"/>
    </row>
    <row r="34" spans="7:17" x14ac:dyDescent="0.2">
      <c r="L34" s="332"/>
      <c r="M34" s="332"/>
      <c r="O34" s="332"/>
      <c r="P34" s="332"/>
      <c r="Q34" s="332"/>
    </row>
    <row r="44" spans="7:17" x14ac:dyDescent="0.2">
      <c r="G44" s="427"/>
    </row>
  </sheetData>
  <mergeCells count="24">
    <mergeCell ref="A23:F23"/>
    <mergeCell ref="A12:A22"/>
    <mergeCell ref="C22:D22"/>
    <mergeCell ref="C12:E12"/>
    <mergeCell ref="R5:AB5"/>
    <mergeCell ref="R6:AA6"/>
    <mergeCell ref="C7:E7"/>
    <mergeCell ref="C8:E8"/>
    <mergeCell ref="C21:E21"/>
    <mergeCell ref="R23:AB24"/>
    <mergeCell ref="D17:E17"/>
    <mergeCell ref="D18:E18"/>
    <mergeCell ref="C19:E19"/>
    <mergeCell ref="C20:E20"/>
    <mergeCell ref="D16:E16"/>
    <mergeCell ref="A7:A11"/>
    <mergeCell ref="C11:D11"/>
    <mergeCell ref="H5:Q6"/>
    <mergeCell ref="A5:G6"/>
    <mergeCell ref="C13:E13"/>
    <mergeCell ref="D15:E15"/>
    <mergeCell ref="C14:D14"/>
    <mergeCell ref="C9:E9"/>
    <mergeCell ref="C10:E10"/>
  </mergeCells>
  <phoneticPr fontId="2"/>
  <dataValidations count="1">
    <dataValidation type="textLength" allowBlank="1" showInputMessage="1" showErrorMessage="1" errorTitle="入力値エラー" error="50文字以内で入力してください｡" sqref="AB7:AB22" xr:uid="{00000000-0002-0000-0C00-000000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pageSetUpPr fitToPage="1"/>
  </sheetPr>
  <dimension ref="A1:P44"/>
  <sheetViews>
    <sheetView showZeros="0" view="pageBreakPreview" topLeftCell="A8" zoomScale="115" zoomScaleNormal="100" zoomScaleSheetLayoutView="115" workbookViewId="0">
      <selection activeCell="N24" sqref="N24"/>
    </sheetView>
  </sheetViews>
  <sheetFormatPr defaultRowHeight="14.4" x14ac:dyDescent="0.2"/>
  <cols>
    <col min="1" max="1" width="3.59765625" style="333" customWidth="1"/>
    <col min="2" max="2" width="22.3984375" style="333" customWidth="1"/>
    <col min="3" max="12" width="2.59765625" style="296" customWidth="1"/>
    <col min="13" max="13" width="8.796875" style="333"/>
    <col min="14" max="14" width="18.19921875" style="333" customWidth="1"/>
    <col min="15" max="15" width="30.5" style="333" customWidth="1"/>
    <col min="16" max="16" width="10.59765625" style="333" customWidth="1"/>
    <col min="17" max="16384" width="8.796875" style="333"/>
  </cols>
  <sheetData>
    <row r="1" spans="1:16" ht="13.5" customHeight="1" x14ac:dyDescent="0.2">
      <c r="B1" s="334"/>
      <c r="C1" s="334"/>
      <c r="D1" s="793"/>
      <c r="E1" s="793"/>
      <c r="F1" s="793"/>
      <c r="G1" s="793"/>
      <c r="H1" s="793"/>
      <c r="I1" s="793"/>
      <c r="J1" s="793"/>
      <c r="K1" s="793"/>
      <c r="L1" s="793"/>
      <c r="M1" s="793"/>
      <c r="N1" s="793"/>
      <c r="O1" s="793"/>
      <c r="P1" s="295" t="s">
        <v>116</v>
      </c>
    </row>
    <row r="2" spans="1:16" ht="13.5" customHeight="1" thickBot="1" x14ac:dyDescent="0.25">
      <c r="A2" s="425"/>
      <c r="B2" s="425"/>
      <c r="C2" s="425"/>
      <c r="D2" s="794"/>
      <c r="E2" s="794"/>
      <c r="F2" s="794"/>
      <c r="G2" s="794"/>
      <c r="H2" s="794"/>
      <c r="I2" s="794"/>
      <c r="J2" s="794"/>
      <c r="K2" s="794"/>
      <c r="L2" s="794"/>
      <c r="M2" s="794"/>
      <c r="N2" s="794"/>
      <c r="O2" s="794"/>
      <c r="P2" s="293"/>
    </row>
    <row r="3" spans="1:16" ht="36.75" customHeight="1" x14ac:dyDescent="0.2">
      <c r="A3" s="742" t="s">
        <v>201</v>
      </c>
      <c r="B3" s="743"/>
      <c r="C3" s="743"/>
      <c r="D3" s="743"/>
      <c r="E3" s="743"/>
      <c r="F3" s="743"/>
      <c r="G3" s="743"/>
      <c r="H3" s="743"/>
      <c r="I3" s="743"/>
      <c r="J3" s="743"/>
      <c r="K3" s="716"/>
      <c r="L3" s="717"/>
      <c r="M3" s="795" t="s">
        <v>203</v>
      </c>
      <c r="N3" s="796"/>
      <c r="O3" s="797" t="s">
        <v>337</v>
      </c>
      <c r="P3" s="798"/>
    </row>
    <row r="4" spans="1:16" ht="13.5" customHeight="1" thickBot="1" x14ac:dyDescent="0.25">
      <c r="A4" s="718"/>
      <c r="B4" s="719"/>
      <c r="C4" s="719"/>
      <c r="D4" s="719"/>
      <c r="E4" s="719"/>
      <c r="F4" s="719"/>
      <c r="G4" s="719"/>
      <c r="H4" s="719"/>
      <c r="I4" s="719"/>
      <c r="J4" s="719"/>
      <c r="K4" s="719"/>
      <c r="L4" s="720"/>
      <c r="M4" s="799" t="s">
        <v>340</v>
      </c>
      <c r="N4" s="800"/>
      <c r="O4" s="713"/>
      <c r="P4" s="714"/>
    </row>
    <row r="5" spans="1:16" s="348" customFormat="1" ht="34.5" customHeight="1" thickBot="1" x14ac:dyDescent="0.25">
      <c r="A5" s="782" t="s">
        <v>63</v>
      </c>
      <c r="B5" s="781"/>
      <c r="C5" s="782" t="s">
        <v>200</v>
      </c>
      <c r="D5" s="780"/>
      <c r="E5" s="780"/>
      <c r="F5" s="780"/>
      <c r="G5" s="780"/>
      <c r="H5" s="780"/>
      <c r="I5" s="780"/>
      <c r="J5" s="780"/>
      <c r="K5" s="780"/>
      <c r="L5" s="780"/>
      <c r="M5" s="349" t="s">
        <v>163</v>
      </c>
      <c r="N5" s="433" t="s">
        <v>250</v>
      </c>
      <c r="O5" s="434" t="s">
        <v>251</v>
      </c>
      <c r="P5" s="407" t="s">
        <v>64</v>
      </c>
    </row>
    <row r="6" spans="1:16" ht="27.75" customHeight="1" x14ac:dyDescent="0.2">
      <c r="A6" s="392" t="s">
        <v>117</v>
      </c>
      <c r="B6" s="51"/>
      <c r="C6" s="408"/>
      <c r="D6" s="409"/>
      <c r="E6" s="410"/>
      <c r="F6" s="411"/>
      <c r="G6" s="133"/>
      <c r="H6" s="134"/>
      <c r="I6" s="412"/>
      <c r="J6" s="133"/>
      <c r="K6" s="134"/>
      <c r="L6" s="413"/>
      <c r="M6" s="52" t="s">
        <v>144</v>
      </c>
      <c r="N6" s="12"/>
      <c r="O6" s="12"/>
      <c r="P6" s="12"/>
    </row>
    <row r="7" spans="1:16" ht="27.75" customHeight="1" x14ac:dyDescent="0.2">
      <c r="A7" s="372" t="s">
        <v>118</v>
      </c>
      <c r="B7" s="9"/>
      <c r="C7" s="415"/>
      <c r="D7" s="122"/>
      <c r="E7" s="416"/>
      <c r="F7" s="417"/>
      <c r="G7" s="122"/>
      <c r="H7" s="416"/>
      <c r="I7" s="417"/>
      <c r="J7" s="122"/>
      <c r="K7" s="416"/>
      <c r="L7" s="430"/>
      <c r="M7" s="53" t="s">
        <v>144</v>
      </c>
      <c r="N7" s="13"/>
      <c r="O7" s="13"/>
      <c r="P7" s="13"/>
    </row>
    <row r="8" spans="1:16" ht="27.75" customHeight="1" x14ac:dyDescent="0.2">
      <c r="A8" s="372" t="s">
        <v>119</v>
      </c>
      <c r="B8" s="9"/>
      <c r="C8" s="373">
        <v>0</v>
      </c>
      <c r="D8" s="374"/>
      <c r="E8" s="375"/>
      <c r="F8" s="376"/>
      <c r="G8" s="374"/>
      <c r="H8" s="375"/>
      <c r="I8" s="376"/>
      <c r="J8" s="374"/>
      <c r="K8" s="375"/>
      <c r="L8" s="377">
        <v>0</v>
      </c>
      <c r="M8" s="53" t="s">
        <v>144</v>
      </c>
      <c r="N8" s="13"/>
      <c r="O8" s="13"/>
      <c r="P8" s="13"/>
    </row>
    <row r="9" spans="1:16" ht="27.75" customHeight="1" x14ac:dyDescent="0.2">
      <c r="A9" s="372" t="s">
        <v>121</v>
      </c>
      <c r="B9" s="9"/>
      <c r="C9" s="373">
        <v>0</v>
      </c>
      <c r="D9" s="374"/>
      <c r="E9" s="375"/>
      <c r="F9" s="376"/>
      <c r="G9" s="374"/>
      <c r="H9" s="375"/>
      <c r="I9" s="376"/>
      <c r="J9" s="374"/>
      <c r="K9" s="375"/>
      <c r="L9" s="377">
        <v>0</v>
      </c>
      <c r="M9" s="53" t="s">
        <v>144</v>
      </c>
      <c r="N9" s="13"/>
      <c r="O9" s="13"/>
      <c r="P9" s="13"/>
    </row>
    <row r="10" spans="1:16" ht="27.75" customHeight="1" x14ac:dyDescent="0.2">
      <c r="A10" s="372" t="s">
        <v>123</v>
      </c>
      <c r="B10" s="9"/>
      <c r="C10" s="373">
        <v>0</v>
      </c>
      <c r="D10" s="374"/>
      <c r="E10" s="375"/>
      <c r="F10" s="376"/>
      <c r="G10" s="374"/>
      <c r="H10" s="375"/>
      <c r="I10" s="376"/>
      <c r="J10" s="374"/>
      <c r="K10" s="375"/>
      <c r="L10" s="377">
        <v>0</v>
      </c>
      <c r="M10" s="53" t="s">
        <v>144</v>
      </c>
      <c r="N10" s="13"/>
      <c r="O10" s="13"/>
      <c r="P10" s="13"/>
    </row>
    <row r="11" spans="1:16" ht="27.75" customHeight="1" x14ac:dyDescent="0.2">
      <c r="A11" s="372" t="s">
        <v>125</v>
      </c>
      <c r="B11" s="9"/>
      <c r="C11" s="373">
        <v>0</v>
      </c>
      <c r="D11" s="374"/>
      <c r="E11" s="375"/>
      <c r="F11" s="376"/>
      <c r="G11" s="374"/>
      <c r="H11" s="375"/>
      <c r="I11" s="376"/>
      <c r="J11" s="374"/>
      <c r="K11" s="375"/>
      <c r="L11" s="377">
        <v>0</v>
      </c>
      <c r="M11" s="53" t="s">
        <v>144</v>
      </c>
      <c r="N11" s="13"/>
      <c r="O11" s="13"/>
      <c r="P11" s="13"/>
    </row>
    <row r="12" spans="1:16" ht="27.75" customHeight="1" x14ac:dyDescent="0.2">
      <c r="A12" s="372" t="s">
        <v>127</v>
      </c>
      <c r="B12" s="9"/>
      <c r="C12" s="373">
        <v>0</v>
      </c>
      <c r="D12" s="374"/>
      <c r="E12" s="375"/>
      <c r="F12" s="376"/>
      <c r="G12" s="374"/>
      <c r="H12" s="375"/>
      <c r="I12" s="376"/>
      <c r="J12" s="374"/>
      <c r="K12" s="375"/>
      <c r="L12" s="377">
        <v>0</v>
      </c>
      <c r="M12" s="53" t="s">
        <v>144</v>
      </c>
      <c r="N12" s="13"/>
      <c r="O12" s="13"/>
      <c r="P12" s="13"/>
    </row>
    <row r="13" spans="1:16" ht="27.75" customHeight="1" x14ac:dyDescent="0.2">
      <c r="A13" s="372" t="s">
        <v>129</v>
      </c>
      <c r="B13" s="9"/>
      <c r="C13" s="373">
        <v>0</v>
      </c>
      <c r="D13" s="374"/>
      <c r="E13" s="375"/>
      <c r="F13" s="376"/>
      <c r="G13" s="374"/>
      <c r="H13" s="375"/>
      <c r="I13" s="376"/>
      <c r="J13" s="374"/>
      <c r="K13" s="375"/>
      <c r="L13" s="377">
        <v>0</v>
      </c>
      <c r="M13" s="53" t="s">
        <v>144</v>
      </c>
      <c r="N13" s="13"/>
      <c r="O13" s="13"/>
      <c r="P13" s="13"/>
    </row>
    <row r="14" spans="1:16" ht="27.75" customHeight="1" x14ac:dyDescent="0.2">
      <c r="A14" s="372" t="s">
        <v>131</v>
      </c>
      <c r="B14" s="9"/>
      <c r="C14" s="373">
        <v>0</v>
      </c>
      <c r="D14" s="374"/>
      <c r="E14" s="375"/>
      <c r="F14" s="376"/>
      <c r="G14" s="374"/>
      <c r="H14" s="375"/>
      <c r="I14" s="376"/>
      <c r="J14" s="374"/>
      <c r="K14" s="375"/>
      <c r="L14" s="377">
        <v>0</v>
      </c>
      <c r="M14" s="53" t="s">
        <v>144</v>
      </c>
      <c r="N14" s="13"/>
      <c r="O14" s="13"/>
      <c r="P14" s="13"/>
    </row>
    <row r="15" spans="1:16" ht="27.75" customHeight="1" x14ac:dyDescent="0.2">
      <c r="A15" s="400">
        <v>10</v>
      </c>
      <c r="B15" s="9"/>
      <c r="C15" s="373">
        <v>0</v>
      </c>
      <c r="D15" s="374"/>
      <c r="E15" s="375"/>
      <c r="F15" s="376"/>
      <c r="G15" s="374"/>
      <c r="H15" s="375"/>
      <c r="I15" s="376"/>
      <c r="J15" s="374"/>
      <c r="K15" s="375"/>
      <c r="L15" s="377">
        <v>0</v>
      </c>
      <c r="M15" s="53" t="s">
        <v>144</v>
      </c>
      <c r="N15" s="13"/>
      <c r="O15" s="13"/>
      <c r="P15" s="13"/>
    </row>
    <row r="16" spans="1:16" ht="27.75" customHeight="1" x14ac:dyDescent="0.2">
      <c r="A16" s="400">
        <v>11</v>
      </c>
      <c r="B16" s="9"/>
      <c r="C16" s="373">
        <v>0</v>
      </c>
      <c r="D16" s="374"/>
      <c r="E16" s="375"/>
      <c r="F16" s="376"/>
      <c r="G16" s="374"/>
      <c r="H16" s="375"/>
      <c r="I16" s="376"/>
      <c r="J16" s="374"/>
      <c r="K16" s="375"/>
      <c r="L16" s="377">
        <v>0</v>
      </c>
      <c r="M16" s="53" t="s">
        <v>144</v>
      </c>
      <c r="N16" s="13"/>
      <c r="O16" s="13"/>
      <c r="P16" s="13"/>
    </row>
    <row r="17" spans="1:16" ht="27.75" customHeight="1" thickBot="1" x14ac:dyDescent="0.25">
      <c r="A17" s="400">
        <v>12</v>
      </c>
      <c r="B17" s="9"/>
      <c r="C17" s="373">
        <v>0</v>
      </c>
      <c r="D17" s="374"/>
      <c r="E17" s="375"/>
      <c r="F17" s="376"/>
      <c r="G17" s="374"/>
      <c r="H17" s="375"/>
      <c r="I17" s="376"/>
      <c r="J17" s="374"/>
      <c r="K17" s="375"/>
      <c r="L17" s="377">
        <v>0</v>
      </c>
      <c r="M17" s="914" t="s">
        <v>144</v>
      </c>
      <c r="N17" s="13"/>
      <c r="O17" s="13"/>
      <c r="P17" s="13"/>
    </row>
    <row r="18" spans="1:16" ht="33" customHeight="1" thickBot="1" x14ac:dyDescent="0.25">
      <c r="A18" s="675" t="s">
        <v>330</v>
      </c>
      <c r="B18" s="676"/>
      <c r="C18" s="420"/>
      <c r="D18" s="421"/>
      <c r="E18" s="422"/>
      <c r="F18" s="423"/>
      <c r="G18" s="202"/>
      <c r="H18" s="203"/>
      <c r="I18" s="201"/>
      <c r="J18" s="202"/>
      <c r="K18" s="203"/>
      <c r="L18" s="204"/>
      <c r="M18" s="910" t="s">
        <v>401</v>
      </c>
      <c r="N18" s="910"/>
      <c r="O18" s="910"/>
      <c r="P18" s="910"/>
    </row>
    <row r="19" spans="1:16" ht="27.75" customHeight="1" thickBot="1" x14ac:dyDescent="0.25">
      <c r="A19" s="673" t="s">
        <v>202</v>
      </c>
      <c r="B19" s="674"/>
      <c r="C19" s="420"/>
      <c r="D19" s="421"/>
      <c r="E19" s="422"/>
      <c r="F19" s="423"/>
      <c r="G19" s="431"/>
      <c r="H19" s="203"/>
      <c r="I19" s="201"/>
      <c r="J19" s="202"/>
      <c r="K19" s="203"/>
      <c r="L19" s="204"/>
      <c r="M19" s="911"/>
      <c r="N19" s="911"/>
      <c r="O19" s="911"/>
      <c r="P19" s="911"/>
    </row>
    <row r="20" spans="1:16" ht="27.75" customHeight="1" thickBot="1" x14ac:dyDescent="0.25">
      <c r="A20" s="673" t="s">
        <v>140</v>
      </c>
      <c r="B20" s="674"/>
      <c r="C20" s="420">
        <v>0</v>
      </c>
      <c r="D20" s="421"/>
      <c r="E20" s="422"/>
      <c r="F20" s="423"/>
      <c r="G20" s="202"/>
      <c r="H20" s="203"/>
      <c r="I20" s="201"/>
      <c r="J20" s="202"/>
      <c r="K20" s="203"/>
      <c r="L20" s="204"/>
      <c r="M20" s="911"/>
      <c r="N20" s="911"/>
      <c r="O20" s="911"/>
      <c r="P20" s="911"/>
    </row>
    <row r="21" spans="1:16" ht="16.2" x14ac:dyDescent="0.2">
      <c r="A21" s="293"/>
      <c r="B21" s="432"/>
      <c r="M21" s="911"/>
      <c r="N21" s="911"/>
      <c r="O21" s="911"/>
      <c r="P21" s="911"/>
    </row>
    <row r="44" spans="7:7" x14ac:dyDescent="0.2">
      <c r="G44" s="529"/>
    </row>
  </sheetData>
  <mergeCells count="11">
    <mergeCell ref="M18:P21"/>
    <mergeCell ref="A5:B5"/>
    <mergeCell ref="C5:L5"/>
    <mergeCell ref="A18:B18"/>
    <mergeCell ref="A19:B19"/>
    <mergeCell ref="A20:B20"/>
    <mergeCell ref="D1:O2"/>
    <mergeCell ref="A3:L4"/>
    <mergeCell ref="M3:N3"/>
    <mergeCell ref="O3:P4"/>
    <mergeCell ref="M4:N4"/>
  </mergeCells>
  <phoneticPr fontId="2"/>
  <dataValidations count="4">
    <dataValidation type="textLength" allowBlank="1" showInputMessage="1" showErrorMessage="1" errorTitle="入力値エラー" error="50文字以内で入力してください｡" sqref="P6:P17" xr:uid="{00000000-0002-0000-0D00-000000000000}">
      <formula1>0</formula1>
      <formula2>50</formula2>
    </dataValidation>
    <dataValidation type="textLength" allowBlank="1" showInputMessage="1" showErrorMessage="1" errorTitle="入力値エラー" error="60文字以内で入力してください｡" sqref="M6:O17" xr:uid="{00000000-0002-0000-0D00-000001000000}">
      <formula1>0</formula1>
      <formula2>60</formula2>
    </dataValidation>
    <dataValidation type="whole" imeMode="disabled" allowBlank="1" showInputMessage="1" showErrorMessage="1" errorTitle="入力値エラー" error="数字を入力してください。_x000a_もしくは、12桁以内で入力してください。" sqref="C7:L7" xr:uid="{00000000-0002-0000-0D00-000002000000}">
      <formula1>0</formula1>
      <formula2>999999999999</formula2>
    </dataValidation>
    <dataValidation type="textLength" allowBlank="1" showInputMessage="1" showErrorMessage="1" errorTitle="入力値エラー" error="100文字以内で入力してください｡" sqref="A18 B6:B17" xr:uid="{00000000-0002-0000-0D00-000003000000}">
      <formula1>0</formula1>
      <formula2>10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pageSetUpPr fitToPage="1"/>
  </sheetPr>
  <dimension ref="A1:R44"/>
  <sheetViews>
    <sheetView showZeros="0" view="pageBreakPreview" zoomScale="60" zoomScaleNormal="100" workbookViewId="0">
      <selection activeCell="S34" sqref="S34"/>
    </sheetView>
  </sheetViews>
  <sheetFormatPr defaultRowHeight="14.4" x14ac:dyDescent="0.2"/>
  <cols>
    <col min="1" max="1" width="3.59765625" style="333" customWidth="1"/>
    <col min="2" max="2" width="22.3984375" style="333" customWidth="1"/>
    <col min="3" max="12" width="2.59765625" style="296" customWidth="1"/>
    <col min="13" max="13" width="9.09765625" style="333" customWidth="1"/>
    <col min="14" max="14" width="18.69921875" style="333" customWidth="1"/>
    <col min="15" max="15" width="4.59765625" style="333" customWidth="1"/>
    <col min="16" max="16" width="12.19921875" style="333" customWidth="1"/>
    <col min="17" max="17" width="13.59765625" style="333" customWidth="1"/>
    <col min="18" max="18" width="10.59765625" style="333" customWidth="1"/>
    <col min="19" max="16384" width="8.796875" style="333"/>
  </cols>
  <sheetData>
    <row r="1" spans="1:18" ht="12.75" customHeight="1" x14ac:dyDescent="0.2">
      <c r="B1" s="334"/>
      <c r="C1" s="334"/>
      <c r="D1" s="334"/>
      <c r="E1" s="334"/>
      <c r="F1" s="334"/>
      <c r="G1" s="334"/>
      <c r="H1" s="334"/>
      <c r="I1" s="334"/>
      <c r="J1" s="334"/>
      <c r="K1" s="334"/>
      <c r="L1" s="334"/>
      <c r="O1" s="334"/>
      <c r="P1" s="334"/>
      <c r="Q1" s="334"/>
      <c r="R1" s="295" t="s">
        <v>348</v>
      </c>
    </row>
    <row r="2" spans="1:18" ht="9.75" customHeight="1" thickBot="1" x14ac:dyDescent="0.25">
      <c r="A2" s="425"/>
      <c r="B2" s="425"/>
      <c r="C2" s="425"/>
      <c r="D2" s="425"/>
      <c r="E2" s="425"/>
      <c r="F2" s="425"/>
      <c r="G2" s="425"/>
      <c r="H2" s="425"/>
      <c r="I2" s="425"/>
      <c r="J2" s="425"/>
      <c r="K2" s="425"/>
      <c r="L2" s="425"/>
      <c r="M2" s="425"/>
      <c r="N2" s="425"/>
      <c r="O2" s="425"/>
      <c r="P2" s="425"/>
      <c r="Q2" s="425"/>
      <c r="R2" s="426"/>
    </row>
    <row r="3" spans="1:18" ht="14.25" customHeight="1" x14ac:dyDescent="0.2">
      <c r="A3" s="742" t="s">
        <v>347</v>
      </c>
      <c r="B3" s="716"/>
      <c r="C3" s="716"/>
      <c r="D3" s="716"/>
      <c r="E3" s="716"/>
      <c r="F3" s="716"/>
      <c r="G3" s="805" t="s">
        <v>352</v>
      </c>
      <c r="H3" s="806"/>
      <c r="I3" s="806"/>
      <c r="J3" s="806"/>
      <c r="K3" s="806"/>
      <c r="L3" s="806"/>
      <c r="M3" s="806"/>
      <c r="N3" s="806"/>
      <c r="O3" s="806"/>
      <c r="P3" s="807"/>
      <c r="Q3" s="687" t="s">
        <v>351</v>
      </c>
      <c r="R3" s="808"/>
    </row>
    <row r="4" spans="1:18" ht="21.75" customHeight="1" x14ac:dyDescent="0.2">
      <c r="A4" s="803"/>
      <c r="B4" s="804"/>
      <c r="C4" s="804"/>
      <c r="D4" s="804"/>
      <c r="E4" s="804"/>
      <c r="F4" s="804"/>
      <c r="G4" s="809" t="s">
        <v>349</v>
      </c>
      <c r="H4" s="810"/>
      <c r="I4" s="810"/>
      <c r="J4" s="810"/>
      <c r="K4" s="810"/>
      <c r="L4" s="810"/>
      <c r="M4" s="810"/>
      <c r="N4" s="810"/>
      <c r="O4" s="810"/>
      <c r="P4" s="811"/>
      <c r="Q4" s="815"/>
      <c r="R4" s="816"/>
    </row>
    <row r="5" spans="1:18" ht="20.25" customHeight="1" thickBot="1" x14ac:dyDescent="0.25">
      <c r="A5" s="718"/>
      <c r="B5" s="719"/>
      <c r="C5" s="719"/>
      <c r="D5" s="719"/>
      <c r="E5" s="719"/>
      <c r="F5" s="719"/>
      <c r="G5" s="812"/>
      <c r="H5" s="813"/>
      <c r="I5" s="813"/>
      <c r="J5" s="813"/>
      <c r="K5" s="813"/>
      <c r="L5" s="813"/>
      <c r="M5" s="813"/>
      <c r="N5" s="813"/>
      <c r="O5" s="813"/>
      <c r="P5" s="814"/>
      <c r="Q5" s="817"/>
      <c r="R5" s="818"/>
    </row>
    <row r="6" spans="1:18" s="348" customFormat="1" ht="28.5" customHeight="1" thickBot="1" x14ac:dyDescent="0.25">
      <c r="A6" s="782" t="s">
        <v>63</v>
      </c>
      <c r="B6" s="781"/>
      <c r="C6" s="782" t="s">
        <v>200</v>
      </c>
      <c r="D6" s="780"/>
      <c r="E6" s="780"/>
      <c r="F6" s="780"/>
      <c r="G6" s="780"/>
      <c r="H6" s="780"/>
      <c r="I6" s="780"/>
      <c r="J6" s="780"/>
      <c r="K6" s="780"/>
      <c r="L6" s="780"/>
      <c r="M6" s="349" t="s">
        <v>163</v>
      </c>
      <c r="N6" s="429" t="s">
        <v>250</v>
      </c>
      <c r="O6" s="801" t="s">
        <v>251</v>
      </c>
      <c r="P6" s="802"/>
      <c r="Q6" s="724"/>
      <c r="R6" s="407" t="s">
        <v>64</v>
      </c>
    </row>
    <row r="7" spans="1:18" ht="27.75" customHeight="1" x14ac:dyDescent="0.2">
      <c r="A7" s="392" t="s">
        <v>117</v>
      </c>
      <c r="B7" s="128"/>
      <c r="C7" s="408"/>
      <c r="D7" s="409"/>
      <c r="E7" s="410"/>
      <c r="F7" s="411"/>
      <c r="G7" s="133"/>
      <c r="H7" s="134"/>
      <c r="I7" s="412"/>
      <c r="J7" s="133"/>
      <c r="K7" s="134"/>
      <c r="L7" s="413"/>
      <c r="M7" s="53" t="s">
        <v>144</v>
      </c>
      <c r="N7" s="139"/>
      <c r="O7" s="701"/>
      <c r="P7" s="819"/>
      <c r="Q7" s="820"/>
      <c r="R7" s="12"/>
    </row>
    <row r="8" spans="1:18" ht="27.75" customHeight="1" x14ac:dyDescent="0.2">
      <c r="A8" s="372" t="s">
        <v>118</v>
      </c>
      <c r="B8" s="9"/>
      <c r="C8" s="415"/>
      <c r="D8" s="122"/>
      <c r="E8" s="416"/>
      <c r="F8" s="417"/>
      <c r="G8" s="122"/>
      <c r="H8" s="416"/>
      <c r="I8" s="417"/>
      <c r="J8" s="122"/>
      <c r="K8" s="416"/>
      <c r="L8" s="430"/>
      <c r="M8" s="53" t="s">
        <v>144</v>
      </c>
      <c r="N8" s="13"/>
      <c r="O8" s="43"/>
      <c r="P8" s="46"/>
      <c r="Q8" s="9"/>
      <c r="R8" s="13"/>
    </row>
    <row r="9" spans="1:18" ht="27.75" customHeight="1" x14ac:dyDescent="0.2">
      <c r="A9" s="372" t="s">
        <v>119</v>
      </c>
      <c r="B9" s="9"/>
      <c r="C9" s="373">
        <v>0</v>
      </c>
      <c r="D9" s="374"/>
      <c r="E9" s="375"/>
      <c r="F9" s="376"/>
      <c r="G9" s="374"/>
      <c r="H9" s="375"/>
      <c r="I9" s="376"/>
      <c r="J9" s="374"/>
      <c r="K9" s="375"/>
      <c r="L9" s="377">
        <v>0</v>
      </c>
      <c r="M9" s="53" t="s">
        <v>144</v>
      </c>
      <c r="N9" s="13"/>
      <c r="O9" s="43"/>
      <c r="P9" s="46"/>
      <c r="Q9" s="9"/>
      <c r="R9" s="13"/>
    </row>
    <row r="10" spans="1:18" ht="27.75" customHeight="1" x14ac:dyDescent="0.2">
      <c r="A10" s="372" t="s">
        <v>121</v>
      </c>
      <c r="B10" s="9"/>
      <c r="C10" s="373">
        <v>0</v>
      </c>
      <c r="D10" s="374"/>
      <c r="E10" s="375"/>
      <c r="F10" s="376"/>
      <c r="G10" s="374"/>
      <c r="H10" s="375"/>
      <c r="I10" s="376"/>
      <c r="J10" s="374"/>
      <c r="K10" s="375"/>
      <c r="L10" s="377">
        <v>0</v>
      </c>
      <c r="M10" s="53" t="s">
        <v>144</v>
      </c>
      <c r="N10" s="13"/>
      <c r="O10" s="43"/>
      <c r="P10" s="46"/>
      <c r="Q10" s="9"/>
      <c r="R10" s="13"/>
    </row>
    <row r="11" spans="1:18" ht="27.75" customHeight="1" x14ac:dyDescent="0.2">
      <c r="A11" s="372" t="s">
        <v>123</v>
      </c>
      <c r="B11" s="9"/>
      <c r="C11" s="373">
        <v>0</v>
      </c>
      <c r="D11" s="374"/>
      <c r="E11" s="375"/>
      <c r="F11" s="376"/>
      <c r="G11" s="374"/>
      <c r="H11" s="375"/>
      <c r="I11" s="376"/>
      <c r="J11" s="374"/>
      <c r="K11" s="375"/>
      <c r="L11" s="377">
        <v>0</v>
      </c>
      <c r="M11" s="53" t="s">
        <v>144</v>
      </c>
      <c r="N11" s="13"/>
      <c r="O11" s="43"/>
      <c r="P11" s="46"/>
      <c r="Q11" s="9"/>
      <c r="R11" s="13"/>
    </row>
    <row r="12" spans="1:18" ht="27.75" customHeight="1" x14ac:dyDescent="0.2">
      <c r="A12" s="372" t="s">
        <v>125</v>
      </c>
      <c r="B12" s="9"/>
      <c r="C12" s="373">
        <v>0</v>
      </c>
      <c r="D12" s="374"/>
      <c r="E12" s="375"/>
      <c r="F12" s="376"/>
      <c r="G12" s="374"/>
      <c r="H12" s="375"/>
      <c r="I12" s="376"/>
      <c r="J12" s="374"/>
      <c r="K12" s="375"/>
      <c r="L12" s="377">
        <v>0</v>
      </c>
      <c r="M12" s="53" t="s">
        <v>144</v>
      </c>
      <c r="N12" s="13"/>
      <c r="O12" s="43"/>
      <c r="P12" s="46"/>
      <c r="Q12" s="9"/>
      <c r="R12" s="13"/>
    </row>
    <row r="13" spans="1:18" ht="27.75" customHeight="1" x14ac:dyDescent="0.2">
      <c r="A13" s="372" t="s">
        <v>127</v>
      </c>
      <c r="B13" s="9"/>
      <c r="C13" s="373">
        <v>0</v>
      </c>
      <c r="D13" s="374"/>
      <c r="E13" s="375"/>
      <c r="F13" s="376"/>
      <c r="G13" s="374"/>
      <c r="H13" s="375"/>
      <c r="I13" s="376"/>
      <c r="J13" s="374"/>
      <c r="K13" s="375"/>
      <c r="L13" s="377">
        <v>0</v>
      </c>
      <c r="M13" s="53" t="s">
        <v>144</v>
      </c>
      <c r="N13" s="13"/>
      <c r="O13" s="43"/>
      <c r="P13" s="46"/>
      <c r="Q13" s="9"/>
      <c r="R13" s="13"/>
    </row>
    <row r="14" spans="1:18" ht="27.75" customHeight="1" x14ac:dyDescent="0.2">
      <c r="A14" s="372" t="s">
        <v>129</v>
      </c>
      <c r="B14" s="9"/>
      <c r="C14" s="373">
        <v>0</v>
      </c>
      <c r="D14" s="374"/>
      <c r="E14" s="375"/>
      <c r="F14" s="376"/>
      <c r="G14" s="374"/>
      <c r="H14" s="375"/>
      <c r="I14" s="376"/>
      <c r="J14" s="374"/>
      <c r="K14" s="375"/>
      <c r="L14" s="377">
        <v>0</v>
      </c>
      <c r="M14" s="53" t="s">
        <v>144</v>
      </c>
      <c r="N14" s="13"/>
      <c r="O14" s="43"/>
      <c r="P14" s="46"/>
      <c r="Q14" s="9"/>
      <c r="R14" s="13"/>
    </row>
    <row r="15" spans="1:18" ht="27.75" customHeight="1" x14ac:dyDescent="0.2">
      <c r="A15" s="372" t="s">
        <v>131</v>
      </c>
      <c r="B15" s="9"/>
      <c r="C15" s="373">
        <v>0</v>
      </c>
      <c r="D15" s="374"/>
      <c r="E15" s="375"/>
      <c r="F15" s="376"/>
      <c r="G15" s="374"/>
      <c r="H15" s="375"/>
      <c r="I15" s="376"/>
      <c r="J15" s="374"/>
      <c r="K15" s="375"/>
      <c r="L15" s="377">
        <v>0</v>
      </c>
      <c r="M15" s="53" t="s">
        <v>144</v>
      </c>
      <c r="N15" s="13"/>
      <c r="O15" s="43"/>
      <c r="P15" s="46"/>
      <c r="Q15" s="9"/>
      <c r="R15" s="13"/>
    </row>
    <row r="16" spans="1:18" ht="27.75" customHeight="1" x14ac:dyDescent="0.2">
      <c r="A16" s="400">
        <v>10</v>
      </c>
      <c r="B16" s="9"/>
      <c r="C16" s="373">
        <v>0</v>
      </c>
      <c r="D16" s="374"/>
      <c r="E16" s="375"/>
      <c r="F16" s="376"/>
      <c r="G16" s="374"/>
      <c r="H16" s="375"/>
      <c r="I16" s="376"/>
      <c r="J16" s="374"/>
      <c r="K16" s="375"/>
      <c r="L16" s="377">
        <v>0</v>
      </c>
      <c r="M16" s="53" t="s">
        <v>144</v>
      </c>
      <c r="N16" s="13"/>
      <c r="O16" s="43"/>
      <c r="P16" s="46"/>
      <c r="Q16" s="9"/>
      <c r="R16" s="13"/>
    </row>
    <row r="17" spans="1:18" ht="27.75" customHeight="1" x14ac:dyDescent="0.2">
      <c r="A17" s="400">
        <v>11</v>
      </c>
      <c r="B17" s="9"/>
      <c r="C17" s="373">
        <v>0</v>
      </c>
      <c r="D17" s="374"/>
      <c r="E17" s="375"/>
      <c r="F17" s="376"/>
      <c r="G17" s="374"/>
      <c r="H17" s="375"/>
      <c r="I17" s="376"/>
      <c r="J17" s="374"/>
      <c r="K17" s="375"/>
      <c r="L17" s="377">
        <v>0</v>
      </c>
      <c r="M17" s="53" t="s">
        <v>144</v>
      </c>
      <c r="N17" s="13"/>
      <c r="O17" s="43"/>
      <c r="P17" s="46"/>
      <c r="Q17" s="9"/>
      <c r="R17" s="13"/>
    </row>
    <row r="18" spans="1:18" ht="27.75" customHeight="1" thickBot="1" x14ac:dyDescent="0.25">
      <c r="A18" s="400">
        <v>12</v>
      </c>
      <c r="B18" s="9"/>
      <c r="C18" s="373">
        <v>0</v>
      </c>
      <c r="D18" s="374"/>
      <c r="E18" s="375"/>
      <c r="F18" s="376"/>
      <c r="G18" s="374"/>
      <c r="H18" s="375"/>
      <c r="I18" s="376"/>
      <c r="J18" s="374"/>
      <c r="K18" s="375"/>
      <c r="L18" s="377">
        <v>0</v>
      </c>
      <c r="M18" s="537" t="s">
        <v>144</v>
      </c>
      <c r="N18" s="13"/>
      <c r="O18" s="43"/>
      <c r="P18" s="46"/>
      <c r="Q18" s="9"/>
      <c r="R18" s="13"/>
    </row>
    <row r="19" spans="1:18" ht="27.75" customHeight="1" thickBot="1" x14ac:dyDescent="0.25">
      <c r="A19" s="675" t="s">
        <v>330</v>
      </c>
      <c r="B19" s="676"/>
      <c r="C19" s="420"/>
      <c r="D19" s="421"/>
      <c r="E19" s="422"/>
      <c r="F19" s="423"/>
      <c r="G19" s="202"/>
      <c r="H19" s="203"/>
      <c r="I19" s="201"/>
      <c r="J19" s="202"/>
      <c r="K19" s="203"/>
      <c r="L19" s="204"/>
      <c r="M19" s="671" t="s">
        <v>373</v>
      </c>
      <c r="N19" s="671"/>
      <c r="O19" s="671"/>
      <c r="P19" s="671"/>
      <c r="Q19" s="671"/>
      <c r="R19" s="671"/>
    </row>
    <row r="20" spans="1:18" ht="27.75" customHeight="1" thickBot="1" x14ac:dyDescent="0.25">
      <c r="A20" s="673" t="s">
        <v>202</v>
      </c>
      <c r="B20" s="674"/>
      <c r="C20" s="420"/>
      <c r="D20" s="421"/>
      <c r="E20" s="422"/>
      <c r="F20" s="423"/>
      <c r="G20" s="431"/>
      <c r="H20" s="203"/>
      <c r="I20" s="201"/>
      <c r="J20" s="202"/>
      <c r="K20" s="203"/>
      <c r="L20" s="204"/>
      <c r="M20" s="672"/>
      <c r="N20" s="672"/>
      <c r="O20" s="672"/>
      <c r="P20" s="672"/>
      <c r="Q20" s="672"/>
      <c r="R20" s="672"/>
    </row>
    <row r="21" spans="1:18" ht="27.75" customHeight="1" thickBot="1" x14ac:dyDescent="0.25">
      <c r="A21" s="673" t="s">
        <v>140</v>
      </c>
      <c r="B21" s="674"/>
      <c r="C21" s="420">
        <v>0</v>
      </c>
      <c r="D21" s="421"/>
      <c r="E21" s="422"/>
      <c r="F21" s="423"/>
      <c r="G21" s="202"/>
      <c r="H21" s="203"/>
      <c r="I21" s="201"/>
      <c r="J21" s="202"/>
      <c r="K21" s="203"/>
      <c r="L21" s="204"/>
      <c r="M21" s="672"/>
      <c r="N21" s="672"/>
      <c r="O21" s="672"/>
      <c r="P21" s="672"/>
      <c r="Q21" s="672"/>
      <c r="R21" s="672"/>
    </row>
    <row r="22" spans="1:18" ht="9" customHeight="1" x14ac:dyDescent="0.2">
      <c r="A22" s="293"/>
      <c r="B22" s="432"/>
      <c r="M22" s="821"/>
      <c r="N22" s="821"/>
      <c r="O22" s="821"/>
      <c r="P22" s="821"/>
      <c r="Q22" s="821"/>
      <c r="R22" s="821"/>
    </row>
    <row r="44" spans="7:7" x14ac:dyDescent="0.2">
      <c r="G44" s="529"/>
    </row>
  </sheetData>
  <mergeCells count="13">
    <mergeCell ref="O7:Q7"/>
    <mergeCell ref="A19:B19"/>
    <mergeCell ref="M19:R22"/>
    <mergeCell ref="A20:B20"/>
    <mergeCell ref="A21:B21"/>
    <mergeCell ref="A6:B6"/>
    <mergeCell ref="C6:L6"/>
    <mergeCell ref="O6:Q6"/>
    <mergeCell ref="A3:F5"/>
    <mergeCell ref="G3:P3"/>
    <mergeCell ref="Q3:R3"/>
    <mergeCell ref="G4:P5"/>
    <mergeCell ref="Q4:R5"/>
  </mergeCells>
  <phoneticPr fontId="2"/>
  <dataValidations count="4">
    <dataValidation type="textLength" allowBlank="1" showInputMessage="1" showErrorMessage="1" errorTitle="入力値エラー" error="100文字以内で入力してください｡" sqref="A19 B7:B18" xr:uid="{00000000-0002-0000-0E00-000000000000}">
      <formula1>0</formula1>
      <formula2>100</formula2>
    </dataValidation>
    <dataValidation type="textLength" allowBlank="1" showInputMessage="1" showErrorMessage="1" errorTitle="入力値エラー" error="50文字以内で入力してください｡" sqref="R7:R18" xr:uid="{00000000-0002-0000-0E00-000001000000}">
      <formula1>0</formula1>
      <formula2>50</formula2>
    </dataValidation>
    <dataValidation type="textLength" allowBlank="1" showInputMessage="1" showErrorMessage="1" errorTitle="入力値エラー" error="60文字以内で入力してください｡" sqref="P8:Q18 M7:O18" xr:uid="{00000000-0002-0000-0E00-000002000000}">
      <formula1>0</formula1>
      <formula2>60</formula2>
    </dataValidation>
    <dataValidation type="whole" imeMode="disabled" allowBlank="1" showInputMessage="1" showErrorMessage="1" errorTitle="入力値エラー" error="数字を入力してください。_x000a_もしくは、12桁以内で入力してください。" sqref="C8:L8" xr:uid="{00000000-0002-0000-0E00-000003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pageSetUpPr fitToPage="1"/>
  </sheetPr>
  <dimension ref="A1:V44"/>
  <sheetViews>
    <sheetView showZeros="0" view="pageBreakPreview" zoomScale="60" zoomScaleNormal="115" workbookViewId="0">
      <selection activeCell="T26" sqref="T26"/>
    </sheetView>
  </sheetViews>
  <sheetFormatPr defaultRowHeight="14.4" x14ac:dyDescent="0.2"/>
  <cols>
    <col min="1" max="1" width="3.59765625" style="333" customWidth="1"/>
    <col min="2" max="2" width="17.59765625" style="333" customWidth="1"/>
    <col min="3" max="12" width="2.59765625" style="296" customWidth="1"/>
    <col min="13" max="13" width="2.59765625" style="333" customWidth="1"/>
    <col min="14" max="19" width="2.59765625" style="296" customWidth="1"/>
    <col min="20" max="20" width="22.09765625" style="296" customWidth="1"/>
    <col min="21" max="21" width="27.09765625" style="333" customWidth="1"/>
    <col min="22" max="22" width="6.19921875" style="333" customWidth="1"/>
    <col min="23" max="16384" width="8.796875" style="333"/>
  </cols>
  <sheetData>
    <row r="1" spans="1:22" ht="13.5" customHeight="1" x14ac:dyDescent="0.2">
      <c r="A1" s="293"/>
      <c r="B1" s="293"/>
      <c r="C1" s="293"/>
      <c r="D1" s="293"/>
      <c r="E1" s="293"/>
      <c r="F1" s="293"/>
      <c r="G1" s="293"/>
      <c r="H1" s="293"/>
      <c r="I1" s="293"/>
      <c r="J1" s="293"/>
      <c r="K1" s="293"/>
      <c r="L1" s="293"/>
      <c r="M1" s="293"/>
      <c r="N1" s="293"/>
      <c r="O1" s="293"/>
      <c r="P1" s="293"/>
      <c r="Q1" s="293"/>
      <c r="R1" s="293"/>
      <c r="S1" s="293"/>
      <c r="T1" s="293"/>
      <c r="U1" s="293"/>
      <c r="V1" s="295" t="s">
        <v>238</v>
      </c>
    </row>
    <row r="2" spans="1:22" ht="13.5" customHeight="1" thickBot="1" x14ac:dyDescent="0.25">
      <c r="A2" s="293"/>
      <c r="B2" s="297"/>
      <c r="C2" s="297"/>
      <c r="D2" s="297"/>
      <c r="E2" s="297"/>
      <c r="F2" s="297"/>
      <c r="G2" s="297"/>
      <c r="H2" s="297"/>
      <c r="I2" s="297"/>
      <c r="J2" s="297"/>
      <c r="K2" s="297"/>
      <c r="L2" s="297"/>
      <c r="M2" s="297"/>
      <c r="N2" s="297"/>
      <c r="O2" s="297"/>
      <c r="P2" s="297"/>
      <c r="Q2" s="297"/>
      <c r="R2" s="297"/>
      <c r="S2" s="297"/>
      <c r="T2" s="297"/>
      <c r="U2" s="293"/>
      <c r="V2" s="293"/>
    </row>
    <row r="3" spans="1:22" ht="25.5" customHeight="1" thickBot="1" x14ac:dyDescent="0.25">
      <c r="A3" s="306" t="s">
        <v>268</v>
      </c>
      <c r="B3" s="363"/>
      <c r="C3" s="404"/>
      <c r="D3" s="404"/>
      <c r="E3" s="404"/>
      <c r="F3" s="404"/>
      <c r="G3" s="404"/>
      <c r="H3" s="404"/>
      <c r="I3" s="404"/>
      <c r="J3" s="404"/>
      <c r="K3" s="404"/>
      <c r="L3" s="207"/>
      <c r="M3" s="207"/>
      <c r="N3" s="404"/>
      <c r="O3" s="404"/>
      <c r="P3" s="404"/>
      <c r="Q3" s="404"/>
      <c r="R3" s="404"/>
      <c r="S3" s="207"/>
      <c r="T3" s="207"/>
      <c r="U3" s="207"/>
      <c r="V3" s="312"/>
    </row>
    <row r="4" spans="1:22" s="348" customFormat="1" ht="36.75" customHeight="1" thickBot="1" x14ac:dyDescent="0.25">
      <c r="A4" s="721" t="s">
        <v>65</v>
      </c>
      <c r="B4" s="723"/>
      <c r="C4" s="721" t="s">
        <v>46</v>
      </c>
      <c r="D4" s="722"/>
      <c r="E4" s="722"/>
      <c r="F4" s="722"/>
      <c r="G4" s="722"/>
      <c r="H4" s="722"/>
      <c r="I4" s="722"/>
      <c r="J4" s="722"/>
      <c r="K4" s="722"/>
      <c r="L4" s="723"/>
      <c r="M4" s="721" t="s">
        <v>31</v>
      </c>
      <c r="N4" s="722"/>
      <c r="O4" s="722"/>
      <c r="P4" s="722"/>
      <c r="Q4" s="722"/>
      <c r="R4" s="722"/>
      <c r="S4" s="723"/>
      <c r="T4" s="406" t="s">
        <v>204</v>
      </c>
      <c r="U4" s="407" t="s">
        <v>43</v>
      </c>
      <c r="V4" s="407" t="s">
        <v>205</v>
      </c>
    </row>
    <row r="5" spans="1:22" ht="29.25" customHeight="1" x14ac:dyDescent="0.2">
      <c r="A5" s="392" t="s">
        <v>117</v>
      </c>
      <c r="B5" s="128"/>
      <c r="C5" s="408"/>
      <c r="D5" s="409"/>
      <c r="E5" s="410"/>
      <c r="F5" s="411"/>
      <c r="G5" s="409"/>
      <c r="H5" s="177"/>
      <c r="I5" s="412"/>
      <c r="J5" s="163"/>
      <c r="K5" s="177"/>
      <c r="L5" s="413"/>
      <c r="M5" s="686" t="s">
        <v>357</v>
      </c>
      <c r="N5" s="687"/>
      <c r="O5" s="687"/>
      <c r="P5" s="687"/>
      <c r="Q5" s="687"/>
      <c r="R5" s="687"/>
      <c r="S5" s="688"/>
      <c r="T5" s="414"/>
      <c r="U5" s="178"/>
      <c r="V5" s="15"/>
    </row>
    <row r="6" spans="1:22" ht="29.25" customHeight="1" x14ac:dyDescent="0.2">
      <c r="A6" s="372" t="s">
        <v>139</v>
      </c>
      <c r="B6" s="9"/>
      <c r="C6" s="415"/>
      <c r="D6" s="122"/>
      <c r="E6" s="416"/>
      <c r="F6" s="417"/>
      <c r="G6" s="122"/>
      <c r="H6" s="148"/>
      <c r="I6" s="149"/>
      <c r="J6" s="150"/>
      <c r="K6" s="148"/>
      <c r="L6" s="151"/>
      <c r="M6" s="689" t="s">
        <v>357</v>
      </c>
      <c r="N6" s="690"/>
      <c r="O6" s="690"/>
      <c r="P6" s="690"/>
      <c r="Q6" s="690"/>
      <c r="R6" s="690"/>
      <c r="S6" s="691"/>
      <c r="T6" s="418"/>
      <c r="U6" s="175"/>
      <c r="V6" s="26"/>
    </row>
    <row r="7" spans="1:22" ht="29.25" customHeight="1" x14ac:dyDescent="0.2">
      <c r="A7" s="372" t="s">
        <v>119</v>
      </c>
      <c r="B7" s="129"/>
      <c r="C7" s="373">
        <v>0</v>
      </c>
      <c r="D7" s="374"/>
      <c r="E7" s="375"/>
      <c r="F7" s="376"/>
      <c r="G7" s="374"/>
      <c r="H7" s="148"/>
      <c r="I7" s="149"/>
      <c r="J7" s="150"/>
      <c r="K7" s="148"/>
      <c r="L7" s="151"/>
      <c r="M7" s="689" t="s">
        <v>357</v>
      </c>
      <c r="N7" s="690"/>
      <c r="O7" s="690"/>
      <c r="P7" s="690"/>
      <c r="Q7" s="690"/>
      <c r="R7" s="690"/>
      <c r="S7" s="691"/>
      <c r="T7" s="419"/>
      <c r="U7" s="175"/>
      <c r="V7" s="26"/>
    </row>
    <row r="8" spans="1:22" ht="29.25" customHeight="1" x14ac:dyDescent="0.2">
      <c r="A8" s="372" t="s">
        <v>121</v>
      </c>
      <c r="B8" s="129"/>
      <c r="C8" s="373">
        <v>0</v>
      </c>
      <c r="D8" s="374"/>
      <c r="E8" s="375"/>
      <c r="F8" s="376"/>
      <c r="G8" s="150"/>
      <c r="H8" s="148"/>
      <c r="I8" s="149"/>
      <c r="J8" s="150"/>
      <c r="K8" s="148"/>
      <c r="L8" s="151"/>
      <c r="M8" s="689" t="s">
        <v>357</v>
      </c>
      <c r="N8" s="690"/>
      <c r="O8" s="690"/>
      <c r="P8" s="690"/>
      <c r="Q8" s="690"/>
      <c r="R8" s="690"/>
      <c r="S8" s="691"/>
      <c r="T8" s="419"/>
      <c r="U8" s="175"/>
      <c r="V8" s="26"/>
    </row>
    <row r="9" spans="1:22" ht="29.25" customHeight="1" x14ac:dyDescent="0.2">
      <c r="A9" s="372" t="s">
        <v>123</v>
      </c>
      <c r="B9" s="9"/>
      <c r="C9" s="373">
        <v>0</v>
      </c>
      <c r="D9" s="374"/>
      <c r="E9" s="375"/>
      <c r="F9" s="376"/>
      <c r="G9" s="374"/>
      <c r="H9" s="375"/>
      <c r="I9" s="376"/>
      <c r="J9" s="374"/>
      <c r="K9" s="375"/>
      <c r="L9" s="377">
        <v>0</v>
      </c>
      <c r="M9" s="689" t="s">
        <v>357</v>
      </c>
      <c r="N9" s="690"/>
      <c r="O9" s="690"/>
      <c r="P9" s="690"/>
      <c r="Q9" s="690"/>
      <c r="R9" s="690"/>
      <c r="S9" s="691"/>
      <c r="T9" s="377"/>
      <c r="U9" s="13"/>
      <c r="V9" s="26"/>
    </row>
    <row r="10" spans="1:22" ht="29.25" customHeight="1" x14ac:dyDescent="0.2">
      <c r="A10" s="372" t="s">
        <v>125</v>
      </c>
      <c r="B10" s="9"/>
      <c r="C10" s="373">
        <v>0</v>
      </c>
      <c r="D10" s="374"/>
      <c r="E10" s="375"/>
      <c r="F10" s="376"/>
      <c r="G10" s="374"/>
      <c r="H10" s="375"/>
      <c r="I10" s="376"/>
      <c r="J10" s="374"/>
      <c r="K10" s="375"/>
      <c r="L10" s="377">
        <v>0</v>
      </c>
      <c r="M10" s="689" t="s">
        <v>357</v>
      </c>
      <c r="N10" s="690"/>
      <c r="O10" s="690"/>
      <c r="P10" s="690"/>
      <c r="Q10" s="690"/>
      <c r="R10" s="690"/>
      <c r="S10" s="691"/>
      <c r="T10" s="377"/>
      <c r="U10" s="13"/>
      <c r="V10" s="26"/>
    </row>
    <row r="11" spans="1:22" ht="29.25" customHeight="1" x14ac:dyDescent="0.2">
      <c r="A11" s="372" t="s">
        <v>127</v>
      </c>
      <c r="B11" s="9"/>
      <c r="C11" s="373">
        <v>0</v>
      </c>
      <c r="D11" s="374"/>
      <c r="E11" s="375"/>
      <c r="F11" s="376"/>
      <c r="G11" s="374"/>
      <c r="H11" s="375"/>
      <c r="I11" s="376"/>
      <c r="J11" s="374"/>
      <c r="K11" s="375"/>
      <c r="L11" s="377">
        <v>0</v>
      </c>
      <c r="M11" s="689" t="s">
        <v>357</v>
      </c>
      <c r="N11" s="690"/>
      <c r="O11" s="690"/>
      <c r="P11" s="690"/>
      <c r="Q11" s="690"/>
      <c r="R11" s="690"/>
      <c r="S11" s="691"/>
      <c r="T11" s="377"/>
      <c r="U11" s="13"/>
      <c r="V11" s="26"/>
    </row>
    <row r="12" spans="1:22" ht="29.25" customHeight="1" x14ac:dyDescent="0.2">
      <c r="A12" s="372" t="s">
        <v>129</v>
      </c>
      <c r="B12" s="9"/>
      <c r="C12" s="373">
        <v>0</v>
      </c>
      <c r="D12" s="374"/>
      <c r="E12" s="375"/>
      <c r="F12" s="376"/>
      <c r="G12" s="374"/>
      <c r="H12" s="375"/>
      <c r="I12" s="376"/>
      <c r="J12" s="374"/>
      <c r="K12" s="375"/>
      <c r="L12" s="377">
        <v>0</v>
      </c>
      <c r="M12" s="689" t="s">
        <v>357</v>
      </c>
      <c r="N12" s="690"/>
      <c r="O12" s="690"/>
      <c r="P12" s="690"/>
      <c r="Q12" s="690"/>
      <c r="R12" s="690"/>
      <c r="S12" s="691"/>
      <c r="T12" s="377"/>
      <c r="U12" s="13"/>
      <c r="V12" s="26"/>
    </row>
    <row r="13" spans="1:22" ht="29.25" customHeight="1" x14ac:dyDescent="0.2">
      <c r="A13" s="372" t="s">
        <v>131</v>
      </c>
      <c r="B13" s="9"/>
      <c r="C13" s="373">
        <v>0</v>
      </c>
      <c r="D13" s="374"/>
      <c r="E13" s="375"/>
      <c r="F13" s="376"/>
      <c r="G13" s="374"/>
      <c r="H13" s="375"/>
      <c r="I13" s="376"/>
      <c r="J13" s="374"/>
      <c r="K13" s="375"/>
      <c r="L13" s="377">
        <v>0</v>
      </c>
      <c r="M13" s="689" t="s">
        <v>357</v>
      </c>
      <c r="N13" s="690"/>
      <c r="O13" s="690"/>
      <c r="P13" s="690"/>
      <c r="Q13" s="690"/>
      <c r="R13" s="690"/>
      <c r="S13" s="691"/>
      <c r="T13" s="377"/>
      <c r="U13" s="13"/>
      <c r="V13" s="26"/>
    </row>
    <row r="14" spans="1:22" ht="29.25" customHeight="1" x14ac:dyDescent="0.2">
      <c r="A14" s="400">
        <v>10</v>
      </c>
      <c r="B14" s="9"/>
      <c r="C14" s="373">
        <v>0</v>
      </c>
      <c r="D14" s="374"/>
      <c r="E14" s="375"/>
      <c r="F14" s="376"/>
      <c r="G14" s="374"/>
      <c r="H14" s="375"/>
      <c r="I14" s="376"/>
      <c r="J14" s="374"/>
      <c r="K14" s="375"/>
      <c r="L14" s="377">
        <v>0</v>
      </c>
      <c r="M14" s="689" t="s">
        <v>357</v>
      </c>
      <c r="N14" s="690"/>
      <c r="O14" s="690"/>
      <c r="P14" s="690"/>
      <c r="Q14" s="690"/>
      <c r="R14" s="690"/>
      <c r="S14" s="691"/>
      <c r="T14" s="377"/>
      <c r="U14" s="13"/>
      <c r="V14" s="26"/>
    </row>
    <row r="15" spans="1:22" ht="29.25" customHeight="1" x14ac:dyDescent="0.2">
      <c r="A15" s="400">
        <v>11</v>
      </c>
      <c r="B15" s="9"/>
      <c r="C15" s="373">
        <v>0</v>
      </c>
      <c r="D15" s="374"/>
      <c r="E15" s="375"/>
      <c r="F15" s="376"/>
      <c r="G15" s="374"/>
      <c r="H15" s="375"/>
      <c r="I15" s="376"/>
      <c r="J15" s="374"/>
      <c r="K15" s="375"/>
      <c r="L15" s="377">
        <v>0</v>
      </c>
      <c r="M15" s="689" t="s">
        <v>357</v>
      </c>
      <c r="N15" s="690"/>
      <c r="O15" s="690"/>
      <c r="P15" s="690"/>
      <c r="Q15" s="690"/>
      <c r="R15" s="690"/>
      <c r="S15" s="691"/>
      <c r="T15" s="377"/>
      <c r="U15" s="13"/>
      <c r="V15" s="26"/>
    </row>
    <row r="16" spans="1:22" ht="29.25" customHeight="1" thickBot="1" x14ac:dyDescent="0.25">
      <c r="A16" s="400">
        <v>12</v>
      </c>
      <c r="B16" s="9"/>
      <c r="C16" s="373">
        <v>0</v>
      </c>
      <c r="D16" s="374"/>
      <c r="E16" s="375"/>
      <c r="F16" s="376"/>
      <c r="G16" s="374"/>
      <c r="H16" s="375"/>
      <c r="I16" s="376"/>
      <c r="J16" s="374"/>
      <c r="K16" s="375"/>
      <c r="L16" s="377">
        <v>0</v>
      </c>
      <c r="M16" s="692" t="s">
        <v>357</v>
      </c>
      <c r="N16" s="693"/>
      <c r="O16" s="693"/>
      <c r="P16" s="693"/>
      <c r="Q16" s="693"/>
      <c r="R16" s="693"/>
      <c r="S16" s="694"/>
      <c r="T16" s="377"/>
      <c r="U16" s="13"/>
      <c r="V16" s="26"/>
    </row>
    <row r="17" spans="1:22" ht="29.25" customHeight="1" thickBot="1" x14ac:dyDescent="0.25">
      <c r="A17" s="675" t="s">
        <v>330</v>
      </c>
      <c r="B17" s="676"/>
      <c r="C17" s="420"/>
      <c r="D17" s="421"/>
      <c r="E17" s="422"/>
      <c r="F17" s="423"/>
      <c r="G17" s="141"/>
      <c r="H17" s="143"/>
      <c r="I17" s="144"/>
      <c r="J17" s="141"/>
      <c r="K17" s="143"/>
      <c r="L17" s="145"/>
      <c r="M17" s="736" t="s">
        <v>369</v>
      </c>
      <c r="N17" s="671"/>
      <c r="O17" s="671"/>
      <c r="P17" s="671"/>
      <c r="Q17" s="671"/>
      <c r="R17" s="671"/>
      <c r="S17" s="671"/>
      <c r="T17" s="671"/>
      <c r="U17" s="671"/>
      <c r="V17" s="671"/>
    </row>
    <row r="18" spans="1:22" ht="29.25" customHeight="1" thickBot="1" x14ac:dyDescent="0.25">
      <c r="A18" s="673" t="s">
        <v>140</v>
      </c>
      <c r="B18" s="674"/>
      <c r="C18" s="420"/>
      <c r="D18" s="421"/>
      <c r="E18" s="422"/>
      <c r="F18" s="423"/>
      <c r="G18" s="141"/>
      <c r="H18" s="143"/>
      <c r="I18" s="144"/>
      <c r="J18" s="141"/>
      <c r="K18" s="143"/>
      <c r="L18" s="145"/>
      <c r="M18" s="536"/>
      <c r="N18" s="424"/>
      <c r="O18" s="424"/>
      <c r="P18" s="424"/>
      <c r="Q18" s="424"/>
      <c r="R18" s="424"/>
      <c r="S18" s="424"/>
      <c r="T18" s="424"/>
      <c r="U18" s="424"/>
      <c r="V18" s="424"/>
    </row>
    <row r="44" spans="7:7" x14ac:dyDescent="0.2">
      <c r="G44" s="529"/>
    </row>
  </sheetData>
  <mergeCells count="18">
    <mergeCell ref="M4:S4"/>
    <mergeCell ref="A4:B4"/>
    <mergeCell ref="C4:L4"/>
    <mergeCell ref="A17:B17"/>
    <mergeCell ref="M17:V17"/>
    <mergeCell ref="A18:B18"/>
    <mergeCell ref="M5:S5"/>
    <mergeCell ref="M6:S6"/>
    <mergeCell ref="M7:S7"/>
    <mergeCell ref="M8:S8"/>
    <mergeCell ref="M15:S15"/>
    <mergeCell ref="M16:S16"/>
    <mergeCell ref="M9:S9"/>
    <mergeCell ref="M10:S10"/>
    <mergeCell ref="M11:S11"/>
    <mergeCell ref="M12:S12"/>
    <mergeCell ref="M13:S13"/>
    <mergeCell ref="M14:S14"/>
  </mergeCells>
  <phoneticPr fontId="2"/>
  <dataValidations count="4">
    <dataValidation type="textLength" allowBlank="1" showInputMessage="1" showErrorMessage="1" errorTitle="入力値エラー" error="100文字以内で入力してください｡" sqref="A17 B5:B16" xr:uid="{00000000-0002-0000-0F00-000000000000}">
      <formula1>0</formula1>
      <formula2>100</formula2>
    </dataValidation>
    <dataValidation type="textLength" allowBlank="1" showInputMessage="1" showErrorMessage="1" errorTitle="入力値エラー" error="50文字以内で入力してください｡" sqref="V5:V16" xr:uid="{00000000-0002-0000-0F00-000001000000}">
      <formula1>0</formula1>
      <formula2>50</formula2>
    </dataValidation>
    <dataValidation type="textLength" allowBlank="1" showInputMessage="1" showErrorMessage="1" errorTitle="入力値エラー" error="40文字以内で入力してください｡" sqref="U5:U16" xr:uid="{00000000-0002-0000-0F00-000002000000}">
      <formula1>0</formula1>
      <formula2>40</formula2>
    </dataValidation>
    <dataValidation type="whole" imeMode="disabled" allowBlank="1" showInputMessage="1" showErrorMessage="1" errorTitle="入力値エラー" error="数字を入力してください。_x000a_もしくは、12桁以内で入力してください。" sqref="C6:G6" xr:uid="{00000000-0002-0000-0F00-000003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pageSetUpPr fitToPage="1"/>
  </sheetPr>
  <dimension ref="A1:M44"/>
  <sheetViews>
    <sheetView view="pageBreakPreview" zoomScale="85" zoomScaleNormal="85" zoomScaleSheetLayoutView="85" workbookViewId="0">
      <selection sqref="A1:XFD1048576"/>
    </sheetView>
  </sheetViews>
  <sheetFormatPr defaultRowHeight="14.4" x14ac:dyDescent="0.2"/>
  <cols>
    <col min="1" max="2" width="5.09765625" style="333" customWidth="1"/>
    <col min="3" max="3" width="55.69921875" style="333" customWidth="1"/>
    <col min="4" max="4" width="3.09765625" style="333" customWidth="1"/>
    <col min="5" max="7" width="15.59765625" style="333" customWidth="1"/>
    <col min="8" max="8" width="3.09765625" style="333" customWidth="1"/>
    <col min="9" max="16384" width="8.796875" style="333"/>
  </cols>
  <sheetData>
    <row r="1" spans="1:8" ht="12.75" customHeight="1" x14ac:dyDescent="0.2">
      <c r="B1" s="355"/>
      <c r="C1" s="826" t="s">
        <v>270</v>
      </c>
      <c r="D1" s="826"/>
      <c r="E1" s="826"/>
      <c r="F1" s="826"/>
      <c r="G1" s="386"/>
      <c r="H1" s="387" t="s">
        <v>266</v>
      </c>
    </row>
    <row r="2" spans="1:8" ht="12.75" customHeight="1" x14ac:dyDescent="0.2">
      <c r="B2" s="355"/>
      <c r="C2" s="826"/>
      <c r="D2" s="826"/>
      <c r="E2" s="826"/>
      <c r="F2" s="826"/>
      <c r="G2" s="355"/>
      <c r="H2" s="355"/>
    </row>
    <row r="3" spans="1:8" ht="12.75" customHeight="1" x14ac:dyDescent="0.2">
      <c r="B3" s="355"/>
      <c r="C3" s="826"/>
      <c r="D3" s="826"/>
      <c r="E3" s="826"/>
      <c r="F3" s="826"/>
      <c r="G3" s="355"/>
      <c r="H3" s="355"/>
    </row>
    <row r="4" spans="1:8" ht="19.5" customHeight="1" thickBot="1" x14ac:dyDescent="0.25">
      <c r="A4" s="339" t="s">
        <v>67</v>
      </c>
      <c r="C4" s="339"/>
      <c r="D4" s="339"/>
      <c r="E4" s="339"/>
      <c r="F4" s="339"/>
      <c r="G4" s="339"/>
      <c r="H4" s="339"/>
    </row>
    <row r="5" spans="1:8" ht="19.5" customHeight="1" thickBot="1" x14ac:dyDescent="0.25">
      <c r="A5" s="362" t="s">
        <v>212</v>
      </c>
      <c r="B5" s="363"/>
      <c r="C5" s="388"/>
      <c r="D5" s="388"/>
      <c r="E5" s="388"/>
      <c r="F5" s="388"/>
      <c r="G5" s="388"/>
      <c r="H5" s="389"/>
    </row>
    <row r="6" spans="1:8" ht="19.5" customHeight="1" thickBot="1" x14ac:dyDescent="0.25">
      <c r="A6" s="823" t="s">
        <v>68</v>
      </c>
      <c r="B6" s="824"/>
      <c r="C6" s="824"/>
      <c r="D6" s="825"/>
      <c r="E6" s="391" t="s">
        <v>69</v>
      </c>
      <c r="F6" s="391" t="s">
        <v>70</v>
      </c>
      <c r="G6" s="391" t="s">
        <v>64</v>
      </c>
      <c r="H6" s="391" t="s">
        <v>206</v>
      </c>
    </row>
    <row r="7" spans="1:8" ht="33" customHeight="1" x14ac:dyDescent="0.2">
      <c r="A7" s="392" t="s">
        <v>117</v>
      </c>
      <c r="B7" s="393" t="s">
        <v>71</v>
      </c>
      <c r="C7" s="333" t="s">
        <v>208</v>
      </c>
      <c r="D7" s="393"/>
      <c r="E7" s="394" t="s">
        <v>235</v>
      </c>
      <c r="F7" s="394" t="s">
        <v>207</v>
      </c>
      <c r="G7" s="394"/>
      <c r="H7" s="27"/>
    </row>
    <row r="8" spans="1:8" ht="33" customHeight="1" x14ac:dyDescent="0.2">
      <c r="A8" s="372" t="s">
        <v>139</v>
      </c>
      <c r="B8" s="60" t="s">
        <v>60</v>
      </c>
      <c r="C8" s="395" t="s">
        <v>209</v>
      </c>
      <c r="D8" s="60"/>
      <c r="E8" s="396" t="s">
        <v>235</v>
      </c>
      <c r="F8" s="396" t="s">
        <v>207</v>
      </c>
      <c r="G8" s="396"/>
      <c r="H8" s="20"/>
    </row>
    <row r="9" spans="1:8" ht="33" customHeight="1" x14ac:dyDescent="0.2">
      <c r="A9" s="372" t="s">
        <v>119</v>
      </c>
      <c r="B9" s="60" t="s">
        <v>61</v>
      </c>
      <c r="C9" s="397" t="s">
        <v>72</v>
      </c>
      <c r="D9" s="60"/>
      <c r="E9" s="396" t="s">
        <v>235</v>
      </c>
      <c r="F9" s="396" t="s">
        <v>207</v>
      </c>
      <c r="G9" s="396"/>
      <c r="H9" s="20"/>
    </row>
    <row r="10" spans="1:8" ht="33" customHeight="1" x14ac:dyDescent="0.2">
      <c r="A10" s="372" t="s">
        <v>121</v>
      </c>
      <c r="B10" s="60" t="s">
        <v>62</v>
      </c>
      <c r="C10" s="397" t="s">
        <v>73</v>
      </c>
      <c r="D10" s="60"/>
      <c r="E10" s="396" t="s">
        <v>235</v>
      </c>
      <c r="F10" s="396" t="s">
        <v>207</v>
      </c>
      <c r="G10" s="396"/>
      <c r="H10" s="20"/>
    </row>
    <row r="11" spans="1:8" ht="33" customHeight="1" x14ac:dyDescent="0.2">
      <c r="A11" s="372" t="s">
        <v>123</v>
      </c>
      <c r="B11" s="60" t="s">
        <v>74</v>
      </c>
      <c r="C11" s="398" t="s">
        <v>360</v>
      </c>
      <c r="D11" s="399"/>
      <c r="E11" s="396" t="s">
        <v>235</v>
      </c>
      <c r="F11" s="396" t="s">
        <v>207</v>
      </c>
      <c r="G11" s="396"/>
      <c r="H11" s="20"/>
    </row>
    <row r="12" spans="1:8" ht="33" customHeight="1" x14ac:dyDescent="0.2">
      <c r="A12" s="372" t="s">
        <v>125</v>
      </c>
      <c r="B12" s="60" t="s">
        <v>75</v>
      </c>
      <c r="C12" s="395" t="s">
        <v>210</v>
      </c>
      <c r="D12" s="60"/>
      <c r="E12" s="396" t="s">
        <v>235</v>
      </c>
      <c r="F12" s="396" t="s">
        <v>207</v>
      </c>
      <c r="G12" s="396"/>
      <c r="H12" s="20"/>
    </row>
    <row r="13" spans="1:8" ht="33" customHeight="1" x14ac:dyDescent="0.2">
      <c r="A13" s="372" t="s">
        <v>127</v>
      </c>
      <c r="B13" s="60" t="s">
        <v>76</v>
      </c>
      <c r="C13" s="395" t="s">
        <v>211</v>
      </c>
      <c r="D13" s="60"/>
      <c r="E13" s="396" t="s">
        <v>235</v>
      </c>
      <c r="F13" s="396" t="s">
        <v>207</v>
      </c>
      <c r="G13" s="396"/>
      <c r="H13" s="20"/>
    </row>
    <row r="14" spans="1:8" ht="33" customHeight="1" x14ac:dyDescent="0.2">
      <c r="A14" s="372" t="s">
        <v>129</v>
      </c>
      <c r="B14" s="60" t="s">
        <v>77</v>
      </c>
      <c r="C14" s="395" t="s">
        <v>78</v>
      </c>
      <c r="D14" s="60"/>
      <c r="E14" s="396" t="s">
        <v>235</v>
      </c>
      <c r="F14" s="396" t="s">
        <v>207</v>
      </c>
      <c r="G14" s="396"/>
      <c r="H14" s="20"/>
    </row>
    <row r="15" spans="1:8" ht="33" customHeight="1" x14ac:dyDescent="0.2">
      <c r="A15" s="372" t="s">
        <v>131</v>
      </c>
      <c r="B15" s="60" t="s">
        <v>79</v>
      </c>
      <c r="C15" s="397" t="s">
        <v>80</v>
      </c>
      <c r="D15" s="60"/>
      <c r="E15" s="396" t="s">
        <v>235</v>
      </c>
      <c r="F15" s="396" t="s">
        <v>207</v>
      </c>
      <c r="G15" s="396"/>
      <c r="H15" s="20"/>
    </row>
    <row r="16" spans="1:8" ht="33" customHeight="1" x14ac:dyDescent="0.2">
      <c r="A16" s="400">
        <v>10</v>
      </c>
      <c r="B16" s="60" t="s">
        <v>81</v>
      </c>
      <c r="C16" s="397" t="s">
        <v>82</v>
      </c>
      <c r="D16" s="60"/>
      <c r="E16" s="396" t="s">
        <v>235</v>
      </c>
      <c r="F16" s="396" t="s">
        <v>207</v>
      </c>
      <c r="G16" s="396"/>
      <c r="H16" s="20"/>
    </row>
    <row r="17" spans="1:13" ht="33" customHeight="1" x14ac:dyDescent="0.2">
      <c r="A17" s="400">
        <v>11</v>
      </c>
      <c r="B17" s="60" t="s">
        <v>83</v>
      </c>
      <c r="C17" s="397" t="s">
        <v>84</v>
      </c>
      <c r="D17" s="60"/>
      <c r="E17" s="396" t="s">
        <v>235</v>
      </c>
      <c r="F17" s="396" t="s">
        <v>207</v>
      </c>
      <c r="G17" s="396"/>
      <c r="H17" s="20"/>
    </row>
    <row r="18" spans="1:13" ht="33" customHeight="1" thickBot="1" x14ac:dyDescent="0.25">
      <c r="A18" s="401">
        <v>12</v>
      </c>
      <c r="B18" s="61" t="s">
        <v>85</v>
      </c>
      <c r="C18" s="402" t="s">
        <v>86</v>
      </c>
      <c r="D18" s="61"/>
      <c r="E18" s="403" t="s">
        <v>235</v>
      </c>
      <c r="F18" s="396" t="s">
        <v>207</v>
      </c>
      <c r="G18" s="403"/>
      <c r="H18" s="21"/>
      <c r="M18" s="533"/>
    </row>
    <row r="19" spans="1:13" ht="34.5" customHeight="1" x14ac:dyDescent="0.2">
      <c r="B19" s="822" t="s">
        <v>374</v>
      </c>
      <c r="C19" s="822"/>
      <c r="D19" s="822"/>
      <c r="E19" s="822"/>
      <c r="F19" s="822"/>
      <c r="G19" s="822"/>
      <c r="H19" s="822"/>
    </row>
    <row r="44" spans="7:7" x14ac:dyDescent="0.2">
      <c r="G44" s="427"/>
    </row>
  </sheetData>
  <mergeCells count="3">
    <mergeCell ref="B19:H19"/>
    <mergeCell ref="A6:D6"/>
    <mergeCell ref="C1:F3"/>
  </mergeCells>
  <phoneticPr fontId="2"/>
  <dataValidations count="1">
    <dataValidation type="textLength" allowBlank="1" showInputMessage="1" showErrorMessage="1" errorTitle="入力値エラー" error="50文字以内で入力してください｡" sqref="H7:H18" xr:uid="{00000000-0002-0000-1000-000000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pageSetUpPr fitToPage="1"/>
  </sheetPr>
  <dimension ref="A1:AA44"/>
  <sheetViews>
    <sheetView showZeros="0" view="pageBreakPreview" zoomScaleNormal="100" zoomScaleSheetLayoutView="100" workbookViewId="0">
      <selection activeCell="D20" sqref="D20"/>
    </sheetView>
  </sheetViews>
  <sheetFormatPr defaultRowHeight="14.4" x14ac:dyDescent="0.2"/>
  <cols>
    <col min="1" max="1" width="3.59765625" style="333" customWidth="1"/>
    <col min="2" max="2" width="31.59765625" style="333" customWidth="1"/>
    <col min="3" max="12" width="2.69921875" style="296" customWidth="1"/>
    <col min="13" max="13" width="2.59765625" style="333" customWidth="1"/>
    <col min="14" max="19" width="2.59765625" style="296" customWidth="1"/>
    <col min="20" max="25" width="2.69921875" style="296" customWidth="1"/>
    <col min="26" max="26" width="23.5" style="333" customWidth="1"/>
    <col min="27" max="27" width="18.59765625" style="333" customWidth="1"/>
    <col min="28" max="16384" width="8.796875" style="333"/>
  </cols>
  <sheetData>
    <row r="1" spans="1:27" ht="12.75" customHeight="1" x14ac:dyDescent="0.2">
      <c r="A1" s="355"/>
      <c r="B1" s="355"/>
      <c r="Z1" s="359" t="s">
        <v>265</v>
      </c>
    </row>
    <row r="2" spans="1:27" ht="12.75" customHeight="1" x14ac:dyDescent="0.2">
      <c r="A2" s="355"/>
      <c r="B2" s="360"/>
      <c r="M2" s="337"/>
      <c r="N2" s="379"/>
      <c r="O2" s="379"/>
      <c r="P2" s="379"/>
      <c r="Q2" s="379"/>
      <c r="R2" s="379"/>
      <c r="S2" s="379"/>
      <c r="Z2" s="360"/>
      <c r="AA2" s="355"/>
    </row>
    <row r="3" spans="1:27" ht="22.5" customHeight="1" thickBot="1" x14ac:dyDescent="0.25">
      <c r="A3" s="339" t="s">
        <v>87</v>
      </c>
      <c r="C3" s="361"/>
      <c r="D3" s="361"/>
      <c r="E3" s="361"/>
      <c r="F3" s="361"/>
      <c r="G3" s="361"/>
      <c r="H3" s="361"/>
      <c r="I3" s="361"/>
      <c r="J3" s="361"/>
      <c r="K3" s="361"/>
      <c r="L3" s="308"/>
      <c r="M3" s="308"/>
      <c r="N3" s="361"/>
      <c r="O3" s="361"/>
      <c r="P3" s="361"/>
      <c r="Q3" s="361"/>
      <c r="R3" s="361"/>
      <c r="S3" s="308"/>
      <c r="T3" s="361"/>
      <c r="U3" s="361"/>
      <c r="V3" s="361"/>
      <c r="W3" s="361"/>
      <c r="X3" s="361"/>
      <c r="Y3" s="308"/>
      <c r="Z3" s="339"/>
      <c r="AA3" s="339"/>
    </row>
    <row r="4" spans="1:27" ht="25.5" customHeight="1" thickBot="1" x14ac:dyDescent="0.25">
      <c r="A4" s="362" t="s">
        <v>213</v>
      </c>
      <c r="B4" s="363"/>
      <c r="C4" s="333"/>
      <c r="D4" s="364"/>
      <c r="E4" s="364"/>
      <c r="F4" s="830" t="s">
        <v>88</v>
      </c>
      <c r="G4" s="831"/>
      <c r="H4" s="831"/>
      <c r="I4" s="831"/>
      <c r="J4" s="831"/>
      <c r="K4" s="831"/>
      <c r="L4" s="832"/>
      <c r="M4" s="364"/>
      <c r="N4" s="380" t="s">
        <v>216</v>
      </c>
      <c r="O4" s="364"/>
      <c r="P4" s="364" t="s">
        <v>217</v>
      </c>
      <c r="X4" s="364"/>
      <c r="Z4" s="367"/>
    </row>
    <row r="5" spans="1:27" ht="25.5" customHeight="1" thickBot="1" x14ac:dyDescent="0.25">
      <c r="A5" s="673" t="s">
        <v>34</v>
      </c>
      <c r="B5" s="674"/>
      <c r="C5" s="673" t="s">
        <v>46</v>
      </c>
      <c r="D5" s="677"/>
      <c r="E5" s="677"/>
      <c r="F5" s="677"/>
      <c r="G5" s="677"/>
      <c r="H5" s="677"/>
      <c r="I5" s="677"/>
      <c r="J5" s="677"/>
      <c r="K5" s="677"/>
      <c r="L5" s="674"/>
      <c r="M5" s="833" t="s">
        <v>214</v>
      </c>
      <c r="N5" s="834"/>
      <c r="O5" s="834"/>
      <c r="P5" s="834"/>
      <c r="Q5" s="834"/>
      <c r="R5" s="834"/>
      <c r="S5" s="835"/>
      <c r="T5" s="673" t="s">
        <v>215</v>
      </c>
      <c r="U5" s="677"/>
      <c r="V5" s="677"/>
      <c r="W5" s="677"/>
      <c r="X5" s="677"/>
      <c r="Y5" s="674"/>
      <c r="Z5" s="368" t="s">
        <v>66</v>
      </c>
    </row>
    <row r="6" spans="1:27" ht="29.25" customHeight="1" x14ac:dyDescent="0.2">
      <c r="A6" s="354" t="s">
        <v>117</v>
      </c>
      <c r="B6" s="160"/>
      <c r="C6" s="369"/>
      <c r="D6" s="161"/>
      <c r="E6" s="162"/>
      <c r="F6" s="167"/>
      <c r="G6" s="161"/>
      <c r="H6" s="162"/>
      <c r="I6" s="167"/>
      <c r="J6" s="161"/>
      <c r="K6" s="162"/>
      <c r="L6" s="169"/>
      <c r="M6" s="827" t="s">
        <v>358</v>
      </c>
      <c r="N6" s="828"/>
      <c r="O6" s="828"/>
      <c r="P6" s="828"/>
      <c r="Q6" s="828"/>
      <c r="R6" s="828"/>
      <c r="S6" s="829"/>
      <c r="T6" s="370"/>
      <c r="U6" s="371"/>
      <c r="V6" s="382"/>
      <c r="W6" s="161"/>
      <c r="X6" s="162"/>
      <c r="Y6" s="169"/>
      <c r="Z6" s="22"/>
    </row>
    <row r="7" spans="1:27" ht="29.25" customHeight="1" x14ac:dyDescent="0.2">
      <c r="A7" s="372" t="s">
        <v>139</v>
      </c>
      <c r="B7" s="9"/>
      <c r="C7" s="373">
        <v>0</v>
      </c>
      <c r="D7" s="374"/>
      <c r="E7" s="375"/>
      <c r="F7" s="376"/>
      <c r="G7" s="374"/>
      <c r="H7" s="375"/>
      <c r="I7" s="376"/>
      <c r="J7" s="374"/>
      <c r="K7" s="375"/>
      <c r="L7" s="377">
        <v>0</v>
      </c>
      <c r="M7" s="836" t="s">
        <v>358</v>
      </c>
      <c r="N7" s="837"/>
      <c r="O7" s="837"/>
      <c r="P7" s="837"/>
      <c r="Q7" s="837"/>
      <c r="R7" s="837"/>
      <c r="S7" s="838"/>
      <c r="T7" s="374"/>
      <c r="U7" s="375"/>
      <c r="V7" s="376"/>
      <c r="W7" s="374"/>
      <c r="X7" s="375"/>
      <c r="Y7" s="377">
        <v>0</v>
      </c>
      <c r="Z7" s="13"/>
    </row>
    <row r="8" spans="1:27" ht="29.25" customHeight="1" x14ac:dyDescent="0.2">
      <c r="A8" s="372" t="s">
        <v>119</v>
      </c>
      <c r="B8" s="9"/>
      <c r="C8" s="373">
        <v>0</v>
      </c>
      <c r="D8" s="374"/>
      <c r="E8" s="375"/>
      <c r="F8" s="376"/>
      <c r="G8" s="374"/>
      <c r="H8" s="375"/>
      <c r="I8" s="376"/>
      <c r="J8" s="374"/>
      <c r="K8" s="375"/>
      <c r="L8" s="377">
        <v>0</v>
      </c>
      <c r="M8" s="836" t="s">
        <v>358</v>
      </c>
      <c r="N8" s="837"/>
      <c r="O8" s="837"/>
      <c r="P8" s="837"/>
      <c r="Q8" s="837"/>
      <c r="R8" s="837"/>
      <c r="S8" s="838"/>
      <c r="T8" s="374"/>
      <c r="U8" s="375"/>
      <c r="V8" s="376"/>
      <c r="W8" s="374"/>
      <c r="X8" s="375"/>
      <c r="Y8" s="377">
        <v>0</v>
      </c>
      <c r="Z8" s="13"/>
    </row>
    <row r="9" spans="1:27" ht="29.25" customHeight="1" x14ac:dyDescent="0.2">
      <c r="A9" s="372" t="s">
        <v>121</v>
      </c>
      <c r="B9" s="9"/>
      <c r="C9" s="373">
        <v>0</v>
      </c>
      <c r="D9" s="374"/>
      <c r="E9" s="375"/>
      <c r="F9" s="376"/>
      <c r="G9" s="374"/>
      <c r="H9" s="375"/>
      <c r="I9" s="376"/>
      <c r="J9" s="374"/>
      <c r="K9" s="375"/>
      <c r="L9" s="377">
        <v>0</v>
      </c>
      <c r="M9" s="836" t="s">
        <v>358</v>
      </c>
      <c r="N9" s="837"/>
      <c r="O9" s="837"/>
      <c r="P9" s="837"/>
      <c r="Q9" s="837"/>
      <c r="R9" s="837"/>
      <c r="S9" s="838"/>
      <c r="T9" s="374"/>
      <c r="U9" s="375"/>
      <c r="V9" s="376"/>
      <c r="W9" s="374"/>
      <c r="X9" s="375"/>
      <c r="Y9" s="377">
        <v>0</v>
      </c>
      <c r="Z9" s="13"/>
    </row>
    <row r="10" spans="1:27" ht="29.25" customHeight="1" x14ac:dyDescent="0.2">
      <c r="A10" s="372" t="s">
        <v>123</v>
      </c>
      <c r="B10" s="9"/>
      <c r="C10" s="373">
        <v>0</v>
      </c>
      <c r="D10" s="374"/>
      <c r="E10" s="375"/>
      <c r="F10" s="376"/>
      <c r="G10" s="374"/>
      <c r="H10" s="375"/>
      <c r="I10" s="376"/>
      <c r="J10" s="374"/>
      <c r="K10" s="375"/>
      <c r="L10" s="377">
        <v>0</v>
      </c>
      <c r="M10" s="836" t="s">
        <v>358</v>
      </c>
      <c r="N10" s="837"/>
      <c r="O10" s="837"/>
      <c r="P10" s="837"/>
      <c r="Q10" s="837"/>
      <c r="R10" s="837"/>
      <c r="S10" s="838"/>
      <c r="T10" s="374"/>
      <c r="U10" s="375"/>
      <c r="V10" s="376"/>
      <c r="W10" s="374"/>
      <c r="X10" s="375"/>
      <c r="Y10" s="377">
        <v>0</v>
      </c>
      <c r="Z10" s="13"/>
    </row>
    <row r="11" spans="1:27" ht="29.25" customHeight="1" x14ac:dyDescent="0.2">
      <c r="A11" s="372" t="s">
        <v>125</v>
      </c>
      <c r="B11" s="9"/>
      <c r="C11" s="373">
        <v>0</v>
      </c>
      <c r="D11" s="374"/>
      <c r="E11" s="375"/>
      <c r="F11" s="376"/>
      <c r="G11" s="374"/>
      <c r="H11" s="375"/>
      <c r="I11" s="376"/>
      <c r="J11" s="374"/>
      <c r="K11" s="375"/>
      <c r="L11" s="377">
        <v>0</v>
      </c>
      <c r="M11" s="836" t="s">
        <v>358</v>
      </c>
      <c r="N11" s="837"/>
      <c r="O11" s="837"/>
      <c r="P11" s="837"/>
      <c r="Q11" s="837"/>
      <c r="R11" s="837"/>
      <c r="S11" s="838"/>
      <c r="T11" s="374"/>
      <c r="U11" s="375"/>
      <c r="V11" s="376"/>
      <c r="W11" s="374"/>
      <c r="X11" s="375"/>
      <c r="Y11" s="377">
        <v>0</v>
      </c>
      <c r="Z11" s="13"/>
    </row>
    <row r="12" spans="1:27" ht="29.25" customHeight="1" x14ac:dyDescent="0.2">
      <c r="A12" s="372" t="s">
        <v>127</v>
      </c>
      <c r="B12" s="9"/>
      <c r="C12" s="373">
        <v>0</v>
      </c>
      <c r="D12" s="374"/>
      <c r="E12" s="375"/>
      <c r="F12" s="376"/>
      <c r="G12" s="374"/>
      <c r="H12" s="375"/>
      <c r="I12" s="376"/>
      <c r="J12" s="374"/>
      <c r="K12" s="375"/>
      <c r="L12" s="377">
        <v>0</v>
      </c>
      <c r="M12" s="836" t="s">
        <v>358</v>
      </c>
      <c r="N12" s="837"/>
      <c r="O12" s="837"/>
      <c r="P12" s="837"/>
      <c r="Q12" s="837"/>
      <c r="R12" s="837"/>
      <c r="S12" s="838"/>
      <c r="T12" s="374"/>
      <c r="U12" s="375"/>
      <c r="V12" s="376"/>
      <c r="W12" s="374"/>
      <c r="X12" s="375"/>
      <c r="Y12" s="377">
        <v>0</v>
      </c>
      <c r="Z12" s="13"/>
    </row>
    <row r="13" spans="1:27" ht="29.25" customHeight="1" x14ac:dyDescent="0.2">
      <c r="A13" s="372" t="s">
        <v>129</v>
      </c>
      <c r="B13" s="9"/>
      <c r="C13" s="373">
        <v>0</v>
      </c>
      <c r="D13" s="374"/>
      <c r="E13" s="375"/>
      <c r="F13" s="376"/>
      <c r="G13" s="374"/>
      <c r="H13" s="375"/>
      <c r="I13" s="376"/>
      <c r="J13" s="374"/>
      <c r="K13" s="375"/>
      <c r="L13" s="377">
        <v>0</v>
      </c>
      <c r="M13" s="836" t="s">
        <v>358</v>
      </c>
      <c r="N13" s="837"/>
      <c r="O13" s="837"/>
      <c r="P13" s="837"/>
      <c r="Q13" s="837"/>
      <c r="R13" s="837"/>
      <c r="S13" s="838"/>
      <c r="T13" s="374"/>
      <c r="U13" s="375"/>
      <c r="V13" s="376"/>
      <c r="W13" s="374"/>
      <c r="X13" s="375"/>
      <c r="Y13" s="377">
        <v>0</v>
      </c>
      <c r="Z13" s="13"/>
    </row>
    <row r="14" spans="1:27" ht="29.25" customHeight="1" x14ac:dyDescent="0.2">
      <c r="A14" s="372" t="s">
        <v>131</v>
      </c>
      <c r="B14" s="9"/>
      <c r="C14" s="373">
        <v>0</v>
      </c>
      <c r="D14" s="374"/>
      <c r="E14" s="375"/>
      <c r="F14" s="376"/>
      <c r="G14" s="374"/>
      <c r="H14" s="375"/>
      <c r="I14" s="376"/>
      <c r="J14" s="374"/>
      <c r="K14" s="375"/>
      <c r="L14" s="377">
        <v>0</v>
      </c>
      <c r="M14" s="836" t="s">
        <v>358</v>
      </c>
      <c r="N14" s="837"/>
      <c r="O14" s="837"/>
      <c r="P14" s="837"/>
      <c r="Q14" s="837"/>
      <c r="R14" s="837"/>
      <c r="S14" s="838"/>
      <c r="T14" s="374"/>
      <c r="U14" s="375"/>
      <c r="V14" s="376"/>
      <c r="W14" s="374"/>
      <c r="X14" s="375"/>
      <c r="Y14" s="377">
        <v>0</v>
      </c>
      <c r="Z14" s="13"/>
    </row>
    <row r="15" spans="1:27" ht="29.25" customHeight="1" x14ac:dyDescent="0.2">
      <c r="A15" s="372" t="s">
        <v>133</v>
      </c>
      <c r="B15" s="9"/>
      <c r="C15" s="373"/>
      <c r="D15" s="374"/>
      <c r="E15" s="375"/>
      <c r="F15" s="376"/>
      <c r="G15" s="374"/>
      <c r="H15" s="375"/>
      <c r="I15" s="376"/>
      <c r="J15" s="374"/>
      <c r="K15" s="375"/>
      <c r="L15" s="377"/>
      <c r="M15" s="836" t="s">
        <v>358</v>
      </c>
      <c r="N15" s="837"/>
      <c r="O15" s="837"/>
      <c r="P15" s="837"/>
      <c r="Q15" s="837"/>
      <c r="R15" s="837"/>
      <c r="S15" s="838"/>
      <c r="T15" s="374"/>
      <c r="U15" s="375"/>
      <c r="V15" s="376"/>
      <c r="W15" s="374"/>
      <c r="X15" s="375"/>
      <c r="Y15" s="377"/>
      <c r="Z15" s="13"/>
    </row>
    <row r="16" spans="1:27" ht="29.25" customHeight="1" x14ac:dyDescent="0.2">
      <c r="A16" s="372" t="s">
        <v>134</v>
      </c>
      <c r="B16" s="9"/>
      <c r="C16" s="373"/>
      <c r="D16" s="374"/>
      <c r="E16" s="375"/>
      <c r="F16" s="376"/>
      <c r="G16" s="374"/>
      <c r="H16" s="375"/>
      <c r="I16" s="376"/>
      <c r="J16" s="374"/>
      <c r="K16" s="375"/>
      <c r="L16" s="377"/>
      <c r="M16" s="836" t="s">
        <v>358</v>
      </c>
      <c r="N16" s="837"/>
      <c r="O16" s="837"/>
      <c r="P16" s="837"/>
      <c r="Q16" s="837"/>
      <c r="R16" s="837"/>
      <c r="S16" s="838"/>
      <c r="T16" s="374"/>
      <c r="U16" s="375"/>
      <c r="V16" s="376"/>
      <c r="W16" s="374"/>
      <c r="X16" s="375"/>
      <c r="Y16" s="377"/>
      <c r="Z16" s="13"/>
    </row>
    <row r="17" spans="1:27" ht="29.25" customHeight="1" thickBot="1" x14ac:dyDescent="0.25">
      <c r="A17" s="378" t="s">
        <v>135</v>
      </c>
      <c r="B17" s="9"/>
      <c r="C17" s="373"/>
      <c r="D17" s="374"/>
      <c r="E17" s="375"/>
      <c r="F17" s="376"/>
      <c r="G17" s="374"/>
      <c r="H17" s="375"/>
      <c r="I17" s="376"/>
      <c r="J17" s="374"/>
      <c r="K17" s="375"/>
      <c r="L17" s="377"/>
      <c r="M17" s="839" t="s">
        <v>358</v>
      </c>
      <c r="N17" s="840"/>
      <c r="O17" s="840"/>
      <c r="P17" s="840"/>
      <c r="Q17" s="840"/>
      <c r="R17" s="840"/>
      <c r="S17" s="841"/>
      <c r="T17" s="374"/>
      <c r="U17" s="375"/>
      <c r="V17" s="376"/>
      <c r="W17" s="374"/>
      <c r="X17" s="375"/>
      <c r="Y17" s="377"/>
      <c r="Z17" s="13"/>
    </row>
    <row r="18" spans="1:27" ht="57" customHeight="1" x14ac:dyDescent="0.2">
      <c r="A18" s="355"/>
      <c r="B18" s="822" t="s">
        <v>375</v>
      </c>
      <c r="C18" s="822"/>
      <c r="D18" s="822"/>
      <c r="E18" s="822"/>
      <c r="F18" s="822"/>
      <c r="G18" s="822"/>
      <c r="H18" s="822"/>
      <c r="I18" s="822"/>
      <c r="J18" s="822"/>
      <c r="K18" s="822"/>
      <c r="L18" s="822"/>
      <c r="M18" s="822"/>
      <c r="N18" s="822"/>
      <c r="O18" s="822"/>
      <c r="P18" s="822"/>
      <c r="Q18" s="822"/>
      <c r="R18" s="822"/>
      <c r="S18" s="822"/>
      <c r="T18" s="822"/>
      <c r="U18" s="822"/>
      <c r="V18" s="822"/>
      <c r="W18" s="822"/>
      <c r="X18" s="822"/>
      <c r="Y18" s="822"/>
      <c r="Z18" s="822"/>
      <c r="AA18" s="339"/>
    </row>
    <row r="19" spans="1:27" ht="16.2" x14ac:dyDescent="0.2">
      <c r="A19" s="355"/>
      <c r="B19" s="356"/>
      <c r="C19" s="356"/>
      <c r="D19" s="356"/>
      <c r="E19" s="356"/>
      <c r="F19" s="356"/>
      <c r="G19" s="356"/>
      <c r="H19" s="356"/>
      <c r="I19" s="356"/>
      <c r="J19" s="356"/>
      <c r="K19" s="356"/>
      <c r="L19" s="356"/>
      <c r="M19" s="356"/>
      <c r="N19" s="356"/>
      <c r="O19" s="356"/>
      <c r="P19" s="356"/>
      <c r="Q19" s="356"/>
      <c r="R19" s="356"/>
      <c r="S19" s="356"/>
      <c r="T19" s="356"/>
      <c r="U19" s="356"/>
      <c r="V19" s="356"/>
      <c r="W19" s="356"/>
      <c r="X19" s="356"/>
      <c r="Y19" s="356"/>
      <c r="Z19" s="356"/>
      <c r="AA19" s="339"/>
    </row>
    <row r="20" spans="1:27" ht="16.2" x14ac:dyDescent="0.2">
      <c r="A20" s="355"/>
      <c r="B20" s="356"/>
      <c r="C20" s="356"/>
      <c r="D20" s="356"/>
      <c r="E20" s="356"/>
      <c r="F20" s="356"/>
      <c r="G20" s="356"/>
      <c r="H20" s="356"/>
      <c r="I20" s="356"/>
      <c r="J20" s="356"/>
      <c r="K20" s="356"/>
      <c r="L20" s="356"/>
      <c r="M20" s="356"/>
      <c r="N20" s="356"/>
      <c r="O20" s="356"/>
      <c r="P20" s="356"/>
      <c r="Q20" s="356"/>
      <c r="R20" s="356"/>
      <c r="S20" s="356"/>
      <c r="T20" s="356"/>
      <c r="U20" s="356"/>
      <c r="V20" s="356"/>
      <c r="W20" s="356"/>
      <c r="X20" s="356"/>
      <c r="Y20" s="356"/>
      <c r="Z20" s="356"/>
      <c r="AA20" s="357"/>
    </row>
    <row r="21" spans="1:27" ht="16.2" x14ac:dyDescent="0.2">
      <c r="A21" s="355"/>
      <c r="B21" s="356"/>
      <c r="C21" s="356"/>
      <c r="D21" s="356"/>
      <c r="E21" s="356"/>
      <c r="F21" s="356"/>
      <c r="G21" s="356"/>
      <c r="H21" s="356"/>
      <c r="I21" s="356"/>
      <c r="J21" s="356"/>
      <c r="K21" s="356"/>
      <c r="L21" s="356"/>
      <c r="M21" s="356"/>
      <c r="N21" s="356"/>
      <c r="O21" s="356"/>
      <c r="P21" s="356"/>
      <c r="Q21" s="356"/>
      <c r="R21" s="356"/>
      <c r="S21" s="356"/>
      <c r="T21" s="356"/>
      <c r="U21" s="356"/>
      <c r="V21" s="356"/>
      <c r="W21" s="356"/>
      <c r="X21" s="356"/>
      <c r="Y21" s="356"/>
      <c r="Z21" s="356"/>
      <c r="AA21" s="357"/>
    </row>
    <row r="44" spans="7:7" x14ac:dyDescent="0.2">
      <c r="G44" s="529"/>
    </row>
  </sheetData>
  <mergeCells count="18">
    <mergeCell ref="B18:Z18"/>
    <mergeCell ref="M7:S7"/>
    <mergeCell ref="M8:S8"/>
    <mergeCell ref="M9:S9"/>
    <mergeCell ref="M16:S16"/>
    <mergeCell ref="M17:S17"/>
    <mergeCell ref="M10:S10"/>
    <mergeCell ref="M11:S11"/>
    <mergeCell ref="M12:S12"/>
    <mergeCell ref="M13:S13"/>
    <mergeCell ref="M14:S14"/>
    <mergeCell ref="M15:S15"/>
    <mergeCell ref="M6:S6"/>
    <mergeCell ref="T5:Y5"/>
    <mergeCell ref="F4:L4"/>
    <mergeCell ref="A5:B5"/>
    <mergeCell ref="C5:L5"/>
    <mergeCell ref="M5:S5"/>
  </mergeCells>
  <phoneticPr fontId="2"/>
  <dataValidations count="2">
    <dataValidation type="textLength" allowBlank="1" showInputMessage="1" showErrorMessage="1" errorTitle="入力値エラー" error="50文字以内で入力してください｡" sqref="Z6:Z17" xr:uid="{00000000-0002-0000-1100-000000000000}">
      <formula1>0</formula1>
      <formula2>50</formula2>
    </dataValidation>
    <dataValidation type="textLength" allowBlank="1" showInputMessage="1" showErrorMessage="1" errorTitle="入力値エラー" error="100文字以内で入力してください｡" sqref="B6:B17" xr:uid="{00000000-0002-0000-1100-000001000000}">
      <formula1>0</formula1>
      <formula2>10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AA44"/>
  <sheetViews>
    <sheetView showZeros="0" view="pageBreakPreview" zoomScaleNormal="85" zoomScaleSheetLayoutView="100" workbookViewId="0">
      <selection activeCell="F21" sqref="F21"/>
    </sheetView>
  </sheetViews>
  <sheetFormatPr defaultRowHeight="14.4" x14ac:dyDescent="0.2"/>
  <cols>
    <col min="1" max="1" width="3.59765625" style="333" customWidth="1"/>
    <col min="2" max="2" width="31.59765625" style="333" customWidth="1"/>
    <col min="3" max="12" width="2.69921875" style="296" customWidth="1"/>
    <col min="13" max="13" width="2.59765625" style="333" customWidth="1"/>
    <col min="14" max="19" width="2.59765625" style="296" customWidth="1"/>
    <col min="20" max="25" width="2.69921875" style="296" customWidth="1"/>
    <col min="26" max="26" width="23.5" style="333" customWidth="1"/>
    <col min="27" max="27" width="18.59765625" style="333" customWidth="1"/>
    <col min="28" max="16384" width="8.796875" style="333"/>
  </cols>
  <sheetData>
    <row r="1" spans="1:27" ht="12.75" customHeight="1" x14ac:dyDescent="0.2">
      <c r="A1" s="355"/>
      <c r="B1" s="355"/>
      <c r="Z1" s="359" t="s">
        <v>264</v>
      </c>
    </row>
    <row r="2" spans="1:27" ht="12.75" customHeight="1" x14ac:dyDescent="0.2">
      <c r="A2" s="355"/>
      <c r="B2" s="360"/>
      <c r="M2" s="337"/>
      <c r="N2" s="379"/>
      <c r="O2" s="379"/>
      <c r="P2" s="379"/>
      <c r="Q2" s="379"/>
      <c r="R2" s="379"/>
      <c r="S2" s="379"/>
      <c r="Z2" s="360"/>
      <c r="AA2" s="355"/>
    </row>
    <row r="3" spans="1:27" ht="22.5" customHeight="1" thickBot="1" x14ac:dyDescent="0.25">
      <c r="A3" s="339" t="s">
        <v>87</v>
      </c>
      <c r="C3" s="361"/>
      <c r="D3" s="361"/>
      <c r="E3" s="361"/>
      <c r="F3" s="361"/>
      <c r="G3" s="361"/>
      <c r="H3" s="361"/>
      <c r="I3" s="361"/>
      <c r="J3" s="361"/>
      <c r="K3" s="361"/>
      <c r="L3" s="308"/>
      <c r="M3" s="308"/>
      <c r="N3" s="361"/>
      <c r="O3" s="361"/>
      <c r="P3" s="361"/>
      <c r="Q3" s="361"/>
      <c r="R3" s="361"/>
      <c r="S3" s="308"/>
      <c r="T3" s="361"/>
      <c r="U3" s="361"/>
      <c r="V3" s="361"/>
      <c r="W3" s="361"/>
      <c r="X3" s="361"/>
      <c r="Y3" s="308"/>
      <c r="Z3" s="339"/>
      <c r="AA3" s="339"/>
    </row>
    <row r="4" spans="1:27" ht="25.5" customHeight="1" thickBot="1" x14ac:dyDescent="0.25">
      <c r="A4" s="362" t="s">
        <v>213</v>
      </c>
      <c r="B4" s="363"/>
      <c r="C4" s="333"/>
      <c r="D4" s="364"/>
      <c r="E4" s="364"/>
      <c r="F4" s="830" t="s">
        <v>88</v>
      </c>
      <c r="G4" s="831"/>
      <c r="H4" s="831"/>
      <c r="I4" s="831"/>
      <c r="J4" s="831"/>
      <c r="K4" s="831"/>
      <c r="L4" s="832"/>
      <c r="M4" s="364"/>
      <c r="N4" s="380" t="s">
        <v>219</v>
      </c>
      <c r="O4" s="364"/>
      <c r="P4" s="364" t="s">
        <v>218</v>
      </c>
      <c r="X4" s="364"/>
      <c r="Z4" s="367"/>
    </row>
    <row r="5" spans="1:27" ht="25.5" customHeight="1" thickBot="1" x14ac:dyDescent="0.25">
      <c r="A5" s="673" t="s">
        <v>34</v>
      </c>
      <c r="B5" s="674"/>
      <c r="C5" s="673" t="s">
        <v>46</v>
      </c>
      <c r="D5" s="677"/>
      <c r="E5" s="677"/>
      <c r="F5" s="677"/>
      <c r="G5" s="677"/>
      <c r="H5" s="677"/>
      <c r="I5" s="677"/>
      <c r="J5" s="677"/>
      <c r="K5" s="677"/>
      <c r="L5" s="674"/>
      <c r="M5" s="833" t="s">
        <v>214</v>
      </c>
      <c r="N5" s="834"/>
      <c r="O5" s="834"/>
      <c r="P5" s="834"/>
      <c r="Q5" s="834"/>
      <c r="R5" s="834"/>
      <c r="S5" s="835"/>
      <c r="T5" s="673" t="s">
        <v>220</v>
      </c>
      <c r="U5" s="677"/>
      <c r="V5" s="677"/>
      <c r="W5" s="677"/>
      <c r="X5" s="677"/>
      <c r="Y5" s="674"/>
      <c r="Z5" s="368" t="s">
        <v>66</v>
      </c>
    </row>
    <row r="6" spans="1:27" ht="29.25" customHeight="1" x14ac:dyDescent="0.2">
      <c r="A6" s="354" t="s">
        <v>117</v>
      </c>
      <c r="B6" s="160"/>
      <c r="C6" s="369"/>
      <c r="D6" s="161"/>
      <c r="E6" s="162"/>
      <c r="F6" s="167"/>
      <c r="G6" s="161"/>
      <c r="H6" s="162"/>
      <c r="I6" s="167"/>
      <c r="J6" s="161"/>
      <c r="K6" s="162"/>
      <c r="L6" s="169"/>
      <c r="M6" s="827" t="s">
        <v>358</v>
      </c>
      <c r="N6" s="828"/>
      <c r="O6" s="828"/>
      <c r="P6" s="828"/>
      <c r="Q6" s="828"/>
      <c r="R6" s="828"/>
      <c r="S6" s="829"/>
      <c r="T6" s="370"/>
      <c r="U6" s="371"/>
      <c r="V6" s="382"/>
      <c r="W6" s="161"/>
      <c r="X6" s="162"/>
      <c r="Y6" s="169"/>
      <c r="Z6" s="22"/>
    </row>
    <row r="7" spans="1:27" ht="29.25" customHeight="1" x14ac:dyDescent="0.2">
      <c r="A7" s="372" t="s">
        <v>139</v>
      </c>
      <c r="B7" s="9"/>
      <c r="C7" s="373">
        <v>0</v>
      </c>
      <c r="D7" s="374"/>
      <c r="E7" s="375"/>
      <c r="F7" s="376"/>
      <c r="G7" s="374"/>
      <c r="H7" s="375"/>
      <c r="I7" s="376"/>
      <c r="J7" s="374"/>
      <c r="K7" s="375"/>
      <c r="L7" s="377">
        <v>0</v>
      </c>
      <c r="M7" s="836" t="s">
        <v>358</v>
      </c>
      <c r="N7" s="837"/>
      <c r="O7" s="837"/>
      <c r="P7" s="837"/>
      <c r="Q7" s="837"/>
      <c r="R7" s="837"/>
      <c r="S7" s="838"/>
      <c r="T7" s="374"/>
      <c r="U7" s="375"/>
      <c r="V7" s="376"/>
      <c r="W7" s="374"/>
      <c r="X7" s="375"/>
      <c r="Y7" s="377">
        <v>0</v>
      </c>
      <c r="Z7" s="13"/>
    </row>
    <row r="8" spans="1:27" ht="29.25" customHeight="1" x14ac:dyDescent="0.2">
      <c r="A8" s="372" t="s">
        <v>119</v>
      </c>
      <c r="B8" s="9"/>
      <c r="C8" s="373">
        <v>0</v>
      </c>
      <c r="D8" s="374"/>
      <c r="E8" s="375"/>
      <c r="F8" s="376"/>
      <c r="G8" s="374"/>
      <c r="H8" s="375"/>
      <c r="I8" s="376"/>
      <c r="J8" s="374"/>
      <c r="K8" s="375"/>
      <c r="L8" s="377">
        <v>0</v>
      </c>
      <c r="M8" s="836" t="s">
        <v>358</v>
      </c>
      <c r="N8" s="837"/>
      <c r="O8" s="837"/>
      <c r="P8" s="837"/>
      <c r="Q8" s="837"/>
      <c r="R8" s="837"/>
      <c r="S8" s="838"/>
      <c r="T8" s="374"/>
      <c r="U8" s="375"/>
      <c r="V8" s="376"/>
      <c r="W8" s="374"/>
      <c r="X8" s="375"/>
      <c r="Y8" s="377">
        <v>0</v>
      </c>
      <c r="Z8" s="13"/>
    </row>
    <row r="9" spans="1:27" ht="29.25" customHeight="1" x14ac:dyDescent="0.2">
      <c r="A9" s="372" t="s">
        <v>121</v>
      </c>
      <c r="B9" s="9"/>
      <c r="C9" s="373">
        <v>0</v>
      </c>
      <c r="D9" s="374"/>
      <c r="E9" s="375"/>
      <c r="F9" s="376"/>
      <c r="G9" s="374"/>
      <c r="H9" s="375"/>
      <c r="I9" s="376"/>
      <c r="J9" s="374"/>
      <c r="K9" s="375"/>
      <c r="L9" s="377">
        <v>0</v>
      </c>
      <c r="M9" s="836" t="s">
        <v>358</v>
      </c>
      <c r="N9" s="837"/>
      <c r="O9" s="837"/>
      <c r="P9" s="837"/>
      <c r="Q9" s="837"/>
      <c r="R9" s="837"/>
      <c r="S9" s="838"/>
      <c r="T9" s="374"/>
      <c r="U9" s="375"/>
      <c r="V9" s="376"/>
      <c r="W9" s="374"/>
      <c r="X9" s="375"/>
      <c r="Y9" s="377">
        <v>0</v>
      </c>
      <c r="Z9" s="13"/>
    </row>
    <row r="10" spans="1:27" ht="29.25" customHeight="1" x14ac:dyDescent="0.2">
      <c r="A10" s="372" t="s">
        <v>123</v>
      </c>
      <c r="B10" s="9"/>
      <c r="C10" s="373">
        <v>0</v>
      </c>
      <c r="D10" s="374"/>
      <c r="E10" s="375"/>
      <c r="F10" s="376"/>
      <c r="G10" s="374"/>
      <c r="H10" s="375"/>
      <c r="I10" s="376"/>
      <c r="J10" s="374"/>
      <c r="K10" s="375"/>
      <c r="L10" s="377">
        <v>0</v>
      </c>
      <c r="M10" s="836" t="s">
        <v>358</v>
      </c>
      <c r="N10" s="837"/>
      <c r="O10" s="837"/>
      <c r="P10" s="837"/>
      <c r="Q10" s="837"/>
      <c r="R10" s="837"/>
      <c r="S10" s="838"/>
      <c r="T10" s="374"/>
      <c r="U10" s="375"/>
      <c r="V10" s="376"/>
      <c r="W10" s="374"/>
      <c r="X10" s="375"/>
      <c r="Y10" s="377">
        <v>0</v>
      </c>
      <c r="Z10" s="13"/>
    </row>
    <row r="11" spans="1:27" ht="29.25" customHeight="1" x14ac:dyDescent="0.2">
      <c r="A11" s="372" t="s">
        <v>125</v>
      </c>
      <c r="B11" s="9"/>
      <c r="C11" s="373">
        <v>0</v>
      </c>
      <c r="D11" s="374"/>
      <c r="E11" s="375"/>
      <c r="F11" s="376"/>
      <c r="G11" s="374"/>
      <c r="H11" s="375"/>
      <c r="I11" s="376"/>
      <c r="J11" s="374"/>
      <c r="K11" s="375"/>
      <c r="L11" s="377">
        <v>0</v>
      </c>
      <c r="M11" s="836" t="s">
        <v>358</v>
      </c>
      <c r="N11" s="837"/>
      <c r="O11" s="837"/>
      <c r="P11" s="837"/>
      <c r="Q11" s="837"/>
      <c r="R11" s="837"/>
      <c r="S11" s="838"/>
      <c r="T11" s="374"/>
      <c r="U11" s="375"/>
      <c r="V11" s="376"/>
      <c r="W11" s="374"/>
      <c r="X11" s="375"/>
      <c r="Y11" s="377">
        <v>0</v>
      </c>
      <c r="Z11" s="13"/>
    </row>
    <row r="12" spans="1:27" ht="29.25" customHeight="1" x14ac:dyDescent="0.2">
      <c r="A12" s="372" t="s">
        <v>127</v>
      </c>
      <c r="B12" s="9"/>
      <c r="C12" s="373">
        <v>0</v>
      </c>
      <c r="D12" s="374"/>
      <c r="E12" s="375"/>
      <c r="F12" s="376"/>
      <c r="G12" s="374"/>
      <c r="H12" s="375"/>
      <c r="I12" s="376"/>
      <c r="J12" s="374"/>
      <c r="K12" s="375"/>
      <c r="L12" s="377">
        <v>0</v>
      </c>
      <c r="M12" s="836" t="s">
        <v>358</v>
      </c>
      <c r="N12" s="837"/>
      <c r="O12" s="837"/>
      <c r="P12" s="837"/>
      <c r="Q12" s="837"/>
      <c r="R12" s="837"/>
      <c r="S12" s="838"/>
      <c r="T12" s="374"/>
      <c r="U12" s="375"/>
      <c r="V12" s="376"/>
      <c r="W12" s="374"/>
      <c r="X12" s="375"/>
      <c r="Y12" s="377">
        <v>0</v>
      </c>
      <c r="Z12" s="13"/>
    </row>
    <row r="13" spans="1:27" ht="29.25" customHeight="1" x14ac:dyDescent="0.2">
      <c r="A13" s="372" t="s">
        <v>129</v>
      </c>
      <c r="B13" s="9"/>
      <c r="C13" s="373">
        <v>0</v>
      </c>
      <c r="D13" s="374"/>
      <c r="E13" s="375"/>
      <c r="F13" s="376"/>
      <c r="G13" s="374"/>
      <c r="H13" s="375"/>
      <c r="I13" s="376"/>
      <c r="J13" s="374"/>
      <c r="K13" s="375"/>
      <c r="L13" s="377">
        <v>0</v>
      </c>
      <c r="M13" s="836" t="s">
        <v>358</v>
      </c>
      <c r="N13" s="837"/>
      <c r="O13" s="837"/>
      <c r="P13" s="837"/>
      <c r="Q13" s="837"/>
      <c r="R13" s="837"/>
      <c r="S13" s="838"/>
      <c r="T13" s="374"/>
      <c r="U13" s="375"/>
      <c r="V13" s="376"/>
      <c r="W13" s="374"/>
      <c r="X13" s="375"/>
      <c r="Y13" s="377">
        <v>0</v>
      </c>
      <c r="Z13" s="13"/>
    </row>
    <row r="14" spans="1:27" ht="29.25" customHeight="1" x14ac:dyDescent="0.2">
      <c r="A14" s="372" t="s">
        <v>131</v>
      </c>
      <c r="B14" s="9"/>
      <c r="C14" s="373">
        <v>0</v>
      </c>
      <c r="D14" s="374"/>
      <c r="E14" s="375"/>
      <c r="F14" s="376"/>
      <c r="G14" s="374"/>
      <c r="H14" s="375"/>
      <c r="I14" s="376"/>
      <c r="J14" s="374"/>
      <c r="K14" s="375"/>
      <c r="L14" s="377">
        <v>0</v>
      </c>
      <c r="M14" s="836" t="s">
        <v>358</v>
      </c>
      <c r="N14" s="837"/>
      <c r="O14" s="837"/>
      <c r="P14" s="837"/>
      <c r="Q14" s="837"/>
      <c r="R14" s="837"/>
      <c r="S14" s="838"/>
      <c r="T14" s="374"/>
      <c r="U14" s="375"/>
      <c r="V14" s="376"/>
      <c r="W14" s="374"/>
      <c r="X14" s="375"/>
      <c r="Y14" s="377">
        <v>0</v>
      </c>
      <c r="Z14" s="13"/>
    </row>
    <row r="15" spans="1:27" ht="29.25" customHeight="1" x14ac:dyDescent="0.2">
      <c r="A15" s="372" t="s">
        <v>133</v>
      </c>
      <c r="B15" s="9"/>
      <c r="C15" s="373"/>
      <c r="D15" s="374"/>
      <c r="E15" s="375"/>
      <c r="F15" s="376"/>
      <c r="G15" s="374"/>
      <c r="H15" s="375"/>
      <c r="I15" s="376"/>
      <c r="J15" s="374"/>
      <c r="K15" s="375"/>
      <c r="L15" s="377"/>
      <c r="M15" s="836" t="s">
        <v>358</v>
      </c>
      <c r="N15" s="837"/>
      <c r="O15" s="837"/>
      <c r="P15" s="837"/>
      <c r="Q15" s="837"/>
      <c r="R15" s="837"/>
      <c r="S15" s="838"/>
      <c r="T15" s="374"/>
      <c r="U15" s="375"/>
      <c r="V15" s="376"/>
      <c r="W15" s="374"/>
      <c r="X15" s="375"/>
      <c r="Y15" s="377"/>
      <c r="Z15" s="13"/>
    </row>
    <row r="16" spans="1:27" ht="29.25" customHeight="1" x14ac:dyDescent="0.2">
      <c r="A16" s="372" t="s">
        <v>134</v>
      </c>
      <c r="B16" s="9"/>
      <c r="C16" s="373"/>
      <c r="D16" s="374"/>
      <c r="E16" s="375"/>
      <c r="F16" s="376"/>
      <c r="G16" s="374"/>
      <c r="H16" s="375"/>
      <c r="I16" s="376"/>
      <c r="J16" s="374"/>
      <c r="K16" s="375"/>
      <c r="L16" s="377"/>
      <c r="M16" s="836" t="s">
        <v>358</v>
      </c>
      <c r="N16" s="837"/>
      <c r="O16" s="837"/>
      <c r="P16" s="837"/>
      <c r="Q16" s="837"/>
      <c r="R16" s="837"/>
      <c r="S16" s="838"/>
      <c r="T16" s="374"/>
      <c r="U16" s="375"/>
      <c r="V16" s="376"/>
      <c r="W16" s="374"/>
      <c r="X16" s="375"/>
      <c r="Y16" s="377"/>
      <c r="Z16" s="13"/>
    </row>
    <row r="17" spans="1:27" ht="29.25" customHeight="1" thickBot="1" x14ac:dyDescent="0.25">
      <c r="A17" s="378" t="s">
        <v>135</v>
      </c>
      <c r="B17" s="9"/>
      <c r="C17" s="373"/>
      <c r="D17" s="374"/>
      <c r="E17" s="375"/>
      <c r="F17" s="376"/>
      <c r="G17" s="374"/>
      <c r="H17" s="375"/>
      <c r="I17" s="376"/>
      <c r="J17" s="374"/>
      <c r="K17" s="375"/>
      <c r="L17" s="377"/>
      <c r="M17" s="839" t="s">
        <v>358</v>
      </c>
      <c r="N17" s="840"/>
      <c r="O17" s="840"/>
      <c r="P17" s="840"/>
      <c r="Q17" s="840"/>
      <c r="R17" s="840"/>
      <c r="S17" s="841"/>
      <c r="T17" s="374"/>
      <c r="U17" s="375"/>
      <c r="V17" s="376"/>
      <c r="W17" s="374"/>
      <c r="X17" s="375"/>
      <c r="Y17" s="377"/>
      <c r="Z17" s="13"/>
    </row>
    <row r="18" spans="1:27" ht="57" customHeight="1" x14ac:dyDescent="0.2">
      <c r="A18" s="355"/>
      <c r="B18" s="822" t="s">
        <v>376</v>
      </c>
      <c r="C18" s="822"/>
      <c r="D18" s="822"/>
      <c r="E18" s="822"/>
      <c r="F18" s="822"/>
      <c r="G18" s="822"/>
      <c r="H18" s="822"/>
      <c r="I18" s="822"/>
      <c r="J18" s="822"/>
      <c r="K18" s="822"/>
      <c r="L18" s="822"/>
      <c r="M18" s="822"/>
      <c r="N18" s="822"/>
      <c r="O18" s="822"/>
      <c r="P18" s="822"/>
      <c r="Q18" s="822"/>
      <c r="R18" s="822"/>
      <c r="S18" s="822"/>
      <c r="T18" s="822"/>
      <c r="U18" s="822"/>
      <c r="V18" s="822"/>
      <c r="W18" s="822"/>
      <c r="X18" s="822"/>
      <c r="Y18" s="822"/>
      <c r="Z18" s="822"/>
      <c r="AA18" s="339"/>
    </row>
    <row r="19" spans="1:27" ht="16.2" x14ac:dyDescent="0.2">
      <c r="A19" s="355"/>
      <c r="B19" s="895"/>
      <c r="C19" s="895"/>
      <c r="D19" s="895"/>
      <c r="E19" s="895"/>
      <c r="F19" s="895"/>
      <c r="G19" s="895"/>
      <c r="H19" s="895"/>
      <c r="I19" s="895"/>
      <c r="J19" s="895"/>
      <c r="K19" s="895"/>
      <c r="L19" s="895"/>
      <c r="M19" s="895"/>
      <c r="N19" s="895"/>
      <c r="O19" s="895"/>
      <c r="P19" s="895"/>
      <c r="Q19" s="895"/>
      <c r="R19" s="895"/>
      <c r="S19" s="895"/>
      <c r="T19" s="895"/>
      <c r="U19" s="895"/>
      <c r="V19" s="895"/>
      <c r="W19" s="895"/>
      <c r="X19" s="895"/>
      <c r="Y19" s="895"/>
      <c r="Z19" s="895"/>
      <c r="AA19" s="339"/>
    </row>
    <row r="20" spans="1:27" ht="16.2" x14ac:dyDescent="0.2">
      <c r="A20" s="355"/>
      <c r="B20" s="356"/>
      <c r="C20" s="356"/>
      <c r="D20" s="356"/>
      <c r="E20" s="356"/>
      <c r="F20" s="356"/>
      <c r="G20" s="356"/>
      <c r="H20" s="356"/>
      <c r="I20" s="356"/>
      <c r="J20" s="356"/>
      <c r="K20" s="356"/>
      <c r="L20" s="356"/>
      <c r="M20" s="356"/>
      <c r="N20" s="356"/>
      <c r="O20" s="356"/>
      <c r="P20" s="356"/>
      <c r="Q20" s="356"/>
      <c r="R20" s="356"/>
      <c r="S20" s="356"/>
      <c r="T20" s="356"/>
      <c r="U20" s="356"/>
      <c r="V20" s="356"/>
      <c r="W20" s="356"/>
      <c r="X20" s="356"/>
      <c r="Y20" s="356"/>
      <c r="Z20" s="356"/>
      <c r="AA20" s="357"/>
    </row>
    <row r="21" spans="1:27" ht="16.2" x14ac:dyDescent="0.2">
      <c r="A21" s="355"/>
      <c r="B21" s="356"/>
      <c r="C21" s="356"/>
      <c r="D21" s="356"/>
      <c r="E21" s="356"/>
      <c r="F21" s="356"/>
      <c r="G21" s="356"/>
      <c r="H21" s="356"/>
      <c r="I21" s="356"/>
      <c r="J21" s="356"/>
      <c r="K21" s="356"/>
      <c r="L21" s="356"/>
      <c r="M21" s="356"/>
      <c r="N21" s="356"/>
      <c r="O21" s="356"/>
      <c r="P21" s="356"/>
      <c r="Q21" s="356"/>
      <c r="R21" s="356"/>
      <c r="S21" s="356"/>
      <c r="T21" s="356"/>
      <c r="U21" s="356"/>
      <c r="V21" s="356"/>
      <c r="W21" s="356"/>
      <c r="X21" s="356"/>
      <c r="Y21" s="356"/>
      <c r="Z21" s="356"/>
      <c r="AA21" s="357"/>
    </row>
    <row r="44" spans="7:7" x14ac:dyDescent="0.2">
      <c r="G44" s="529"/>
    </row>
  </sheetData>
  <mergeCells count="18">
    <mergeCell ref="B18:Z19"/>
    <mergeCell ref="M7:S7"/>
    <mergeCell ref="M8:S8"/>
    <mergeCell ref="M9:S9"/>
    <mergeCell ref="M16:S16"/>
    <mergeCell ref="M17:S17"/>
    <mergeCell ref="M10:S10"/>
    <mergeCell ref="M11:S11"/>
    <mergeCell ref="M12:S12"/>
    <mergeCell ref="M13:S13"/>
    <mergeCell ref="M14:S14"/>
    <mergeCell ref="M15:S15"/>
    <mergeCell ref="M6:S6"/>
    <mergeCell ref="T5:Y5"/>
    <mergeCell ref="F4:L4"/>
    <mergeCell ref="A5:B5"/>
    <mergeCell ref="C5:L5"/>
    <mergeCell ref="M5:S5"/>
  </mergeCells>
  <phoneticPr fontId="2"/>
  <dataValidations count="2">
    <dataValidation type="textLength" allowBlank="1" showInputMessage="1" showErrorMessage="1" errorTitle="入力値エラー" error="100文字以内で入力してください｡" sqref="B6:B17" xr:uid="{00000000-0002-0000-1200-000000000000}">
      <formula1>0</formula1>
      <formula2>100</formula2>
    </dataValidation>
    <dataValidation type="textLength" allowBlank="1" showInputMessage="1" showErrorMessage="1" errorTitle="入力値エラー" error="50文字以内で入力してください｡" sqref="Z6:Z17" xr:uid="{00000000-0002-0000-12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Q34"/>
  <sheetViews>
    <sheetView showZeros="0" view="pageBreakPreview" zoomScaleNormal="100" zoomScaleSheetLayoutView="100" workbookViewId="0">
      <selection sqref="A1:XFD1048576"/>
    </sheetView>
  </sheetViews>
  <sheetFormatPr defaultColWidth="9" defaultRowHeight="14.4" x14ac:dyDescent="0.2"/>
  <cols>
    <col min="1" max="1" width="3.09765625" style="529" customWidth="1"/>
    <col min="2" max="2" width="41.59765625" style="529" customWidth="1"/>
    <col min="3" max="3" width="5.59765625" style="331" customWidth="1"/>
    <col min="4" max="13" width="3.59765625" style="529" customWidth="1"/>
    <col min="14" max="14" width="32.59765625" style="529" customWidth="1"/>
    <col min="15" max="15" width="5.8984375" style="529" customWidth="1"/>
    <col min="16" max="16384" width="9" style="529"/>
  </cols>
  <sheetData>
    <row r="1" spans="1:14" ht="16.5" customHeight="1" x14ac:dyDescent="0.2">
      <c r="A1" s="293"/>
      <c r="B1" s="670" t="s">
        <v>271</v>
      </c>
      <c r="C1" s="670"/>
      <c r="D1" s="670"/>
      <c r="E1" s="670"/>
      <c r="F1" s="670"/>
      <c r="G1" s="670"/>
      <c r="H1" s="670"/>
      <c r="I1" s="670"/>
      <c r="J1" s="670"/>
      <c r="K1" s="670"/>
      <c r="L1" s="670"/>
      <c r="M1" s="294"/>
      <c r="N1" s="295" t="s">
        <v>99</v>
      </c>
    </row>
    <row r="2" spans="1:14" ht="16.5" customHeight="1" x14ac:dyDescent="0.2">
      <c r="A2" s="293"/>
      <c r="B2" s="670"/>
      <c r="C2" s="670"/>
      <c r="D2" s="670"/>
      <c r="E2" s="670"/>
      <c r="F2" s="670"/>
      <c r="G2" s="670"/>
      <c r="H2" s="670"/>
      <c r="I2" s="670"/>
      <c r="J2" s="670"/>
      <c r="K2" s="670"/>
      <c r="L2" s="670"/>
      <c r="M2" s="294"/>
      <c r="N2" s="293"/>
    </row>
    <row r="3" spans="1:14" ht="17.25" customHeight="1" thickBot="1" x14ac:dyDescent="0.25">
      <c r="A3" s="297" t="s">
        <v>35</v>
      </c>
      <c r="B3" s="297"/>
      <c r="C3" s="298"/>
      <c r="D3" s="297"/>
      <c r="E3" s="297"/>
      <c r="F3" s="297"/>
      <c r="G3" s="297"/>
      <c r="H3" s="297"/>
      <c r="I3" s="297"/>
      <c r="J3" s="297"/>
      <c r="K3" s="297"/>
      <c r="L3" s="297"/>
      <c r="M3" s="297"/>
      <c r="N3" s="297"/>
    </row>
    <row r="4" spans="1:14" ht="24" customHeight="1" thickBot="1" x14ac:dyDescent="0.25">
      <c r="A4" s="299" t="s">
        <v>316</v>
      </c>
      <c r="B4" s="300"/>
      <c r="C4" s="301" t="s">
        <v>117</v>
      </c>
      <c r="D4" s="544"/>
      <c r="E4" s="545"/>
      <c r="F4" s="546"/>
      <c r="G4" s="547"/>
      <c r="H4" s="545"/>
      <c r="I4" s="546"/>
      <c r="J4" s="547"/>
      <c r="K4" s="545"/>
      <c r="L4" s="546"/>
      <c r="M4" s="548"/>
      <c r="N4" s="293"/>
    </row>
    <row r="5" spans="1:14" ht="24" customHeight="1" x14ac:dyDescent="0.2">
      <c r="A5" s="254"/>
      <c r="B5" s="302" t="s">
        <v>317</v>
      </c>
      <c r="C5" s="303" t="s">
        <v>118</v>
      </c>
      <c r="D5" s="549"/>
      <c r="E5" s="550"/>
      <c r="F5" s="551"/>
      <c r="G5" s="552"/>
      <c r="H5" s="545"/>
      <c r="I5" s="546"/>
      <c r="J5" s="552"/>
      <c r="K5" s="545"/>
      <c r="L5" s="546"/>
      <c r="M5" s="553"/>
    </row>
    <row r="6" spans="1:14" ht="24" customHeight="1" thickBot="1" x14ac:dyDescent="0.25">
      <c r="A6" s="254"/>
      <c r="B6" s="304" t="s">
        <v>318</v>
      </c>
      <c r="C6" s="305" t="s">
        <v>120</v>
      </c>
      <c r="D6" s="554">
        <v>0</v>
      </c>
      <c r="E6" s="555"/>
      <c r="F6" s="556"/>
      <c r="G6" s="557"/>
      <c r="H6" s="555"/>
      <c r="I6" s="556"/>
      <c r="J6" s="557"/>
      <c r="K6" s="555"/>
      <c r="L6" s="556"/>
      <c r="M6" s="558"/>
    </row>
    <row r="7" spans="1:14" ht="24" customHeight="1" thickBot="1" x14ac:dyDescent="0.25">
      <c r="A7" s="306" t="s">
        <v>319</v>
      </c>
      <c r="B7" s="207"/>
      <c r="C7" s="307" t="s">
        <v>122</v>
      </c>
      <c r="D7" s="559">
        <v>0</v>
      </c>
      <c r="E7" s="560"/>
      <c r="F7" s="561"/>
      <c r="G7" s="562"/>
      <c r="H7" s="560"/>
      <c r="I7" s="561"/>
      <c r="J7" s="562"/>
      <c r="K7" s="560"/>
      <c r="L7" s="561"/>
      <c r="M7" s="563"/>
    </row>
    <row r="8" spans="1:14" ht="24" customHeight="1" thickBot="1" x14ac:dyDescent="0.25">
      <c r="A8" s="6" t="s">
        <v>320</v>
      </c>
      <c r="B8" s="308"/>
      <c r="C8" s="309" t="s">
        <v>124</v>
      </c>
      <c r="D8" s="564">
        <v>0</v>
      </c>
      <c r="E8" s="565"/>
      <c r="F8" s="566"/>
      <c r="G8" s="567"/>
      <c r="H8" s="565"/>
      <c r="I8" s="566"/>
      <c r="J8" s="567"/>
      <c r="K8" s="565"/>
      <c r="L8" s="566"/>
      <c r="M8" s="568"/>
    </row>
    <row r="9" spans="1:14" x14ac:dyDescent="0.2">
      <c r="A9" s="7"/>
      <c r="B9" s="7"/>
      <c r="C9" s="310"/>
      <c r="D9" s="432"/>
      <c r="E9" s="432"/>
      <c r="F9" s="432"/>
      <c r="G9" s="432"/>
      <c r="H9" s="432"/>
      <c r="I9" s="432"/>
      <c r="J9" s="432"/>
      <c r="K9" s="432"/>
      <c r="L9" s="432"/>
      <c r="M9" s="432"/>
    </row>
    <row r="10" spans="1:14" ht="17.25" customHeight="1" thickBot="1" x14ac:dyDescent="0.25">
      <c r="A10" s="7" t="s">
        <v>36</v>
      </c>
      <c r="B10" s="7"/>
      <c r="C10" s="310"/>
      <c r="D10" s="432"/>
      <c r="E10" s="432"/>
      <c r="F10" s="432"/>
      <c r="G10" s="432"/>
      <c r="H10" s="432"/>
      <c r="I10" s="432"/>
      <c r="J10" s="432"/>
      <c r="K10" s="432"/>
      <c r="L10" s="432"/>
      <c r="M10" s="432"/>
    </row>
    <row r="11" spans="1:14" ht="17.25" customHeight="1" thickBot="1" x14ac:dyDescent="0.25">
      <c r="A11" s="306" t="s">
        <v>103</v>
      </c>
      <c r="B11" s="207"/>
      <c r="C11" s="311"/>
      <c r="D11" s="569"/>
      <c r="E11" s="569"/>
      <c r="F11" s="569"/>
      <c r="G11" s="569"/>
      <c r="H11" s="569"/>
      <c r="I11" s="569"/>
      <c r="J11" s="569"/>
      <c r="K11" s="569"/>
      <c r="L11" s="569"/>
      <c r="M11" s="570"/>
    </row>
    <row r="12" spans="1:14" ht="24" customHeight="1" x14ac:dyDescent="0.2">
      <c r="A12" s="313"/>
      <c r="B12" s="314" t="s">
        <v>321</v>
      </c>
      <c r="C12" s="303" t="s">
        <v>126</v>
      </c>
      <c r="D12" s="571"/>
      <c r="E12" s="572"/>
      <c r="F12" s="573"/>
      <c r="G12" s="574"/>
      <c r="H12" s="572"/>
      <c r="I12" s="573"/>
      <c r="J12" s="575"/>
      <c r="K12" s="572"/>
      <c r="L12" s="546"/>
      <c r="M12" s="548"/>
    </row>
    <row r="13" spans="1:14" ht="24" customHeight="1" thickBot="1" x14ac:dyDescent="0.25">
      <c r="A13" s="304"/>
      <c r="B13" s="317" t="s">
        <v>322</v>
      </c>
      <c r="C13" s="305" t="s">
        <v>128</v>
      </c>
      <c r="D13" s="576"/>
      <c r="E13" s="577"/>
      <c r="F13" s="578"/>
      <c r="G13" s="579"/>
      <c r="H13" s="577"/>
      <c r="I13" s="578"/>
      <c r="J13" s="579"/>
      <c r="K13" s="577"/>
      <c r="L13" s="556"/>
      <c r="M13" s="580"/>
    </row>
    <row r="14" spans="1:14" ht="9" customHeight="1" thickBot="1" x14ac:dyDescent="0.25">
      <c r="A14" s="7"/>
      <c r="B14" s="7"/>
      <c r="C14" s="310"/>
      <c r="D14" s="432"/>
      <c r="E14" s="432"/>
      <c r="F14" s="432"/>
      <c r="G14" s="432"/>
      <c r="H14" s="432"/>
      <c r="I14" s="432"/>
      <c r="J14" s="432"/>
      <c r="K14" s="432"/>
      <c r="L14" s="432"/>
      <c r="M14" s="432"/>
      <c r="N14" s="7"/>
    </row>
    <row r="15" spans="1:14" ht="17.25" customHeight="1" thickBot="1" x14ac:dyDescent="0.25">
      <c r="A15" s="299" t="s">
        <v>102</v>
      </c>
      <c r="B15" s="300"/>
      <c r="C15" s="318"/>
      <c r="D15" s="581"/>
      <c r="E15" s="581"/>
      <c r="F15" s="581"/>
      <c r="G15" s="581"/>
      <c r="H15" s="581"/>
      <c r="I15" s="581"/>
      <c r="J15" s="581"/>
      <c r="K15" s="581"/>
      <c r="L15" s="581"/>
      <c r="M15" s="581"/>
      <c r="N15" s="290"/>
    </row>
    <row r="16" spans="1:14" ht="17.25" customHeight="1" thickBot="1" x14ac:dyDescent="0.25">
      <c r="A16" s="299" t="s">
        <v>37</v>
      </c>
      <c r="B16" s="207"/>
      <c r="C16" s="290"/>
      <c r="D16" s="667" t="s">
        <v>38</v>
      </c>
      <c r="E16" s="668"/>
      <c r="F16" s="668"/>
      <c r="G16" s="668"/>
      <c r="H16" s="668"/>
      <c r="I16" s="668"/>
      <c r="J16" s="668"/>
      <c r="K16" s="668"/>
      <c r="L16" s="668"/>
      <c r="M16" s="669"/>
      <c r="N16" s="290" t="s">
        <v>39</v>
      </c>
    </row>
    <row r="17" spans="1:14" ht="24" customHeight="1" x14ac:dyDescent="0.2">
      <c r="A17" s="254"/>
      <c r="B17" s="302" t="s">
        <v>323</v>
      </c>
      <c r="C17" s="303" t="s">
        <v>130</v>
      </c>
      <c r="D17" s="571"/>
      <c r="E17" s="572"/>
      <c r="F17" s="573"/>
      <c r="G17" s="575"/>
      <c r="H17" s="572"/>
      <c r="I17" s="573"/>
      <c r="J17" s="575"/>
      <c r="K17" s="572"/>
      <c r="L17" s="573"/>
      <c r="M17" s="582"/>
      <c r="N17" s="51" t="s">
        <v>40</v>
      </c>
    </row>
    <row r="18" spans="1:14" ht="24" customHeight="1" x14ac:dyDescent="0.2">
      <c r="A18" s="254"/>
      <c r="B18" s="320" t="s">
        <v>324</v>
      </c>
      <c r="C18" s="321" t="s">
        <v>132</v>
      </c>
      <c r="D18" s="583">
        <v>0</v>
      </c>
      <c r="E18" s="584"/>
      <c r="F18" s="585"/>
      <c r="G18" s="586"/>
      <c r="H18" s="587"/>
      <c r="I18" s="585"/>
      <c r="J18" s="586"/>
      <c r="K18" s="587"/>
      <c r="L18" s="585"/>
      <c r="M18" s="588"/>
      <c r="N18" s="9" t="s">
        <v>40</v>
      </c>
    </row>
    <row r="19" spans="1:14" ht="24" customHeight="1" x14ac:dyDescent="0.2">
      <c r="A19" s="254"/>
      <c r="B19" s="320" t="s">
        <v>325</v>
      </c>
      <c r="C19" s="321" t="s">
        <v>133</v>
      </c>
      <c r="D19" s="583">
        <v>0</v>
      </c>
      <c r="E19" s="584"/>
      <c r="F19" s="585"/>
      <c r="G19" s="586"/>
      <c r="H19" s="587"/>
      <c r="I19" s="585"/>
      <c r="J19" s="586"/>
      <c r="K19" s="587"/>
      <c r="L19" s="585"/>
      <c r="M19" s="588"/>
      <c r="N19" s="9" t="s">
        <v>40</v>
      </c>
    </row>
    <row r="20" spans="1:14" ht="24" customHeight="1" thickBot="1" x14ac:dyDescent="0.25">
      <c r="A20" s="322"/>
      <c r="B20" s="323" t="s">
        <v>326</v>
      </c>
      <c r="C20" s="324" t="s">
        <v>134</v>
      </c>
      <c r="D20" s="589">
        <v>0</v>
      </c>
      <c r="E20" s="590"/>
      <c r="F20" s="591"/>
      <c r="G20" s="592"/>
      <c r="H20" s="593"/>
      <c r="I20" s="591"/>
      <c r="J20" s="592"/>
      <c r="K20" s="593"/>
      <c r="L20" s="591"/>
      <c r="M20" s="594"/>
      <c r="N20" s="262"/>
    </row>
    <row r="21" spans="1:14" ht="24" customHeight="1" thickTop="1" x14ac:dyDescent="0.2">
      <c r="A21" s="325"/>
      <c r="B21" s="326" t="s">
        <v>327</v>
      </c>
      <c r="C21" s="327" t="s">
        <v>135</v>
      </c>
      <c r="D21" s="595">
        <v>0</v>
      </c>
      <c r="E21" s="596"/>
      <c r="F21" s="597"/>
      <c r="G21" s="598"/>
      <c r="H21" s="599"/>
      <c r="I21" s="597"/>
      <c r="J21" s="598"/>
      <c r="K21" s="599"/>
      <c r="L21" s="597"/>
      <c r="M21" s="600"/>
      <c r="N21" s="8" t="s">
        <v>40</v>
      </c>
    </row>
    <row r="22" spans="1:14" ht="24" customHeight="1" thickBot="1" x14ac:dyDescent="0.25">
      <c r="A22" s="328"/>
      <c r="B22" s="259" t="s">
        <v>338</v>
      </c>
      <c r="C22" s="329" t="s">
        <v>136</v>
      </c>
      <c r="D22" s="601">
        <v>0</v>
      </c>
      <c r="E22" s="602"/>
      <c r="F22" s="603"/>
      <c r="G22" s="604"/>
      <c r="H22" s="605"/>
      <c r="I22" s="603"/>
      <c r="J22" s="604"/>
      <c r="K22" s="605"/>
      <c r="L22" s="603"/>
      <c r="M22" s="606"/>
      <c r="N22" s="73" t="s">
        <v>40</v>
      </c>
    </row>
    <row r="23" spans="1:14" ht="24" customHeight="1" thickBot="1" x14ac:dyDescent="0.25">
      <c r="A23" s="306" t="s">
        <v>328</v>
      </c>
      <c r="B23" s="207"/>
      <c r="C23" s="330" t="s">
        <v>137</v>
      </c>
      <c r="D23" s="559">
        <v>0</v>
      </c>
      <c r="E23" s="607"/>
      <c r="F23" s="561"/>
      <c r="G23" s="562"/>
      <c r="H23" s="560"/>
      <c r="I23" s="561"/>
      <c r="J23" s="562"/>
      <c r="K23" s="560"/>
      <c r="L23" s="561"/>
      <c r="M23" s="563"/>
      <c r="N23" s="11" t="s">
        <v>40</v>
      </c>
    </row>
    <row r="24" spans="1:14" ht="24" customHeight="1" thickBot="1" x14ac:dyDescent="0.25">
      <c r="A24" s="6" t="s">
        <v>329</v>
      </c>
      <c r="B24" s="260"/>
      <c r="C24" s="261" t="s">
        <v>138</v>
      </c>
      <c r="D24" s="564">
        <v>0</v>
      </c>
      <c r="E24" s="608"/>
      <c r="F24" s="566"/>
      <c r="G24" s="567"/>
      <c r="H24" s="565"/>
      <c r="I24" s="566"/>
      <c r="J24" s="567"/>
      <c r="K24" s="565"/>
      <c r="L24" s="566"/>
      <c r="M24" s="568"/>
      <c r="N24" s="75" t="s">
        <v>40</v>
      </c>
    </row>
    <row r="34" spans="12:17" x14ac:dyDescent="0.2">
      <c r="L34" s="543"/>
      <c r="M34" s="543"/>
      <c r="O34" s="543"/>
      <c r="P34" s="543"/>
      <c r="Q34" s="543"/>
    </row>
  </sheetData>
  <mergeCells count="2">
    <mergeCell ref="D16:M16"/>
    <mergeCell ref="B1:L2"/>
  </mergeCells>
  <phoneticPr fontId="2"/>
  <dataValidations count="2">
    <dataValidation type="whole" imeMode="disabled" allowBlank="1" showInputMessage="1" showErrorMessage="1" errorTitle="入力値エラー" error="数字を入力してください。_x000a_もしくは、12桁以内で入力してください。" sqref="D5:F5 D13:K13" xr:uid="{00000000-0002-0000-0100-000000000000}">
      <formula1>0</formula1>
      <formula2>999999999999</formula2>
    </dataValidation>
    <dataValidation type="textLength" allowBlank="1" showInputMessage="1" showErrorMessage="1" errorTitle="入力値エラー" error="50文字以内で入力してください｡" sqref="N17:N24" xr:uid="{00000000-0002-0000-01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pageSetUpPr fitToPage="1"/>
  </sheetPr>
  <dimension ref="A1:AA44"/>
  <sheetViews>
    <sheetView showZeros="0" view="pageBreakPreview" zoomScaleNormal="85" zoomScaleSheetLayoutView="100" workbookViewId="0">
      <selection activeCell="K19" sqref="K19"/>
    </sheetView>
  </sheetViews>
  <sheetFormatPr defaultRowHeight="14.4" x14ac:dyDescent="0.2"/>
  <cols>
    <col min="1" max="1" width="3.59765625" style="333" customWidth="1"/>
    <col min="2" max="2" width="31.59765625" style="333" customWidth="1"/>
    <col min="3" max="12" width="2.69921875" style="296" customWidth="1"/>
    <col min="13" max="13" width="2.59765625" style="333" customWidth="1"/>
    <col min="14" max="19" width="2.59765625" style="296" customWidth="1"/>
    <col min="20" max="25" width="2.69921875" style="296" customWidth="1"/>
    <col min="26" max="26" width="23.5" style="333" customWidth="1"/>
    <col min="27" max="27" width="18.59765625" style="333" customWidth="1"/>
    <col min="28" max="16384" width="8.796875" style="333"/>
  </cols>
  <sheetData>
    <row r="1" spans="1:27" ht="12.75" customHeight="1" x14ac:dyDescent="0.2">
      <c r="A1" s="355"/>
      <c r="B1" s="355"/>
      <c r="Z1" s="359" t="s">
        <v>263</v>
      </c>
    </row>
    <row r="2" spans="1:27" ht="12.75" customHeight="1" x14ac:dyDescent="0.2">
      <c r="A2" s="355"/>
      <c r="B2" s="360"/>
      <c r="M2" s="337"/>
      <c r="N2" s="379"/>
      <c r="O2" s="379"/>
      <c r="P2" s="379"/>
      <c r="Q2" s="379"/>
      <c r="R2" s="379"/>
      <c r="S2" s="379"/>
      <c r="Z2" s="360"/>
      <c r="AA2" s="355"/>
    </row>
    <row r="3" spans="1:27" ht="22.5" customHeight="1" thickBot="1" x14ac:dyDescent="0.25">
      <c r="A3" s="339" t="s">
        <v>87</v>
      </c>
      <c r="C3" s="361"/>
      <c r="D3" s="361"/>
      <c r="E3" s="361"/>
      <c r="F3" s="361"/>
      <c r="G3" s="361"/>
      <c r="H3" s="361"/>
      <c r="I3" s="361"/>
      <c r="J3" s="361"/>
      <c r="K3" s="361"/>
      <c r="L3" s="308"/>
      <c r="M3" s="308"/>
      <c r="N3" s="361"/>
      <c r="O3" s="361"/>
      <c r="P3" s="361"/>
      <c r="Q3" s="361"/>
      <c r="R3" s="361"/>
      <c r="S3" s="308"/>
      <c r="T3" s="361"/>
      <c r="U3" s="361"/>
      <c r="V3" s="361"/>
      <c r="W3" s="361"/>
      <c r="X3" s="361"/>
      <c r="Y3" s="308"/>
      <c r="Z3" s="339"/>
      <c r="AA3" s="339"/>
    </row>
    <row r="4" spans="1:27" ht="25.5" customHeight="1" thickBot="1" x14ac:dyDescent="0.25">
      <c r="A4" s="362" t="s">
        <v>213</v>
      </c>
      <c r="B4" s="363"/>
      <c r="C4" s="333"/>
      <c r="D4" s="364"/>
      <c r="E4" s="364"/>
      <c r="F4" s="830" t="s">
        <v>88</v>
      </c>
      <c r="G4" s="831"/>
      <c r="H4" s="831"/>
      <c r="I4" s="831"/>
      <c r="J4" s="831"/>
      <c r="K4" s="831"/>
      <c r="L4" s="832"/>
      <c r="M4" s="380"/>
      <c r="N4" s="364" t="s">
        <v>221</v>
      </c>
      <c r="P4" s="364" t="s">
        <v>222</v>
      </c>
      <c r="T4" s="364"/>
      <c r="X4" s="364"/>
      <c r="Z4" s="367"/>
    </row>
    <row r="5" spans="1:27" ht="25.5" customHeight="1" thickBot="1" x14ac:dyDescent="0.25">
      <c r="A5" s="673" t="s">
        <v>34</v>
      </c>
      <c r="B5" s="674"/>
      <c r="C5" s="673" t="s">
        <v>46</v>
      </c>
      <c r="D5" s="677"/>
      <c r="E5" s="677"/>
      <c r="F5" s="677"/>
      <c r="G5" s="677"/>
      <c r="H5" s="677"/>
      <c r="I5" s="677"/>
      <c r="J5" s="677"/>
      <c r="K5" s="677"/>
      <c r="L5" s="674"/>
      <c r="M5" s="833" t="s">
        <v>214</v>
      </c>
      <c r="N5" s="834"/>
      <c r="O5" s="834"/>
      <c r="P5" s="834"/>
      <c r="Q5" s="834"/>
      <c r="R5" s="834"/>
      <c r="S5" s="835"/>
      <c r="T5" s="673" t="s">
        <v>215</v>
      </c>
      <c r="U5" s="677"/>
      <c r="V5" s="677"/>
      <c r="W5" s="677"/>
      <c r="X5" s="677"/>
      <c r="Y5" s="674"/>
      <c r="Z5" s="368" t="s">
        <v>66</v>
      </c>
    </row>
    <row r="6" spans="1:27" ht="29.25" customHeight="1" x14ac:dyDescent="0.2">
      <c r="A6" s="354" t="s">
        <v>117</v>
      </c>
      <c r="B6" s="164"/>
      <c r="C6" s="369"/>
      <c r="D6" s="370"/>
      <c r="E6" s="162"/>
      <c r="F6" s="167"/>
      <c r="G6" s="161"/>
      <c r="H6" s="162"/>
      <c r="I6" s="167"/>
      <c r="J6" s="161"/>
      <c r="K6" s="162"/>
      <c r="L6" s="169"/>
      <c r="M6" s="827" t="s">
        <v>358</v>
      </c>
      <c r="N6" s="828"/>
      <c r="O6" s="828"/>
      <c r="P6" s="828"/>
      <c r="Q6" s="828"/>
      <c r="R6" s="828"/>
      <c r="S6" s="829"/>
      <c r="T6" s="370"/>
      <c r="U6" s="371"/>
      <c r="V6" s="382"/>
      <c r="W6" s="161"/>
      <c r="X6" s="162"/>
      <c r="Y6" s="169"/>
      <c r="Z6" s="22"/>
    </row>
    <row r="7" spans="1:27" ht="29.25" customHeight="1" x14ac:dyDescent="0.2">
      <c r="A7" s="372" t="s">
        <v>139</v>
      </c>
      <c r="B7" s="165"/>
      <c r="C7" s="373">
        <v>0</v>
      </c>
      <c r="D7" s="374"/>
      <c r="E7" s="148"/>
      <c r="F7" s="149"/>
      <c r="G7" s="150"/>
      <c r="H7" s="148"/>
      <c r="I7" s="149"/>
      <c r="J7" s="150"/>
      <c r="K7" s="148"/>
      <c r="L7" s="151"/>
      <c r="M7" s="836" t="s">
        <v>358</v>
      </c>
      <c r="N7" s="837"/>
      <c r="O7" s="837"/>
      <c r="P7" s="837"/>
      <c r="Q7" s="837"/>
      <c r="R7" s="837"/>
      <c r="S7" s="838"/>
      <c r="T7" s="374"/>
      <c r="U7" s="375"/>
      <c r="V7" s="376"/>
      <c r="W7" s="374"/>
      <c r="X7" s="148"/>
      <c r="Y7" s="151"/>
      <c r="Z7" s="13"/>
    </row>
    <row r="8" spans="1:27" ht="29.25" customHeight="1" x14ac:dyDescent="0.2">
      <c r="A8" s="372" t="s">
        <v>119</v>
      </c>
      <c r="B8" s="9"/>
      <c r="C8" s="373">
        <v>0</v>
      </c>
      <c r="D8" s="374"/>
      <c r="E8" s="375"/>
      <c r="F8" s="376"/>
      <c r="G8" s="374"/>
      <c r="H8" s="375"/>
      <c r="I8" s="376"/>
      <c r="J8" s="374"/>
      <c r="K8" s="375"/>
      <c r="L8" s="377">
        <v>0</v>
      </c>
      <c r="M8" s="836" t="s">
        <v>358</v>
      </c>
      <c r="N8" s="837"/>
      <c r="O8" s="837"/>
      <c r="P8" s="837"/>
      <c r="Q8" s="837"/>
      <c r="R8" s="837"/>
      <c r="S8" s="838"/>
      <c r="T8" s="374"/>
      <c r="U8" s="375"/>
      <c r="V8" s="376"/>
      <c r="W8" s="374"/>
      <c r="X8" s="375"/>
      <c r="Y8" s="377">
        <v>0</v>
      </c>
      <c r="Z8" s="13"/>
    </row>
    <row r="9" spans="1:27" ht="29.25" customHeight="1" x14ac:dyDescent="0.2">
      <c r="A9" s="372" t="s">
        <v>121</v>
      </c>
      <c r="B9" s="9"/>
      <c r="C9" s="373">
        <v>0</v>
      </c>
      <c r="D9" s="374"/>
      <c r="E9" s="375"/>
      <c r="F9" s="376"/>
      <c r="G9" s="374"/>
      <c r="H9" s="375"/>
      <c r="I9" s="376"/>
      <c r="J9" s="374"/>
      <c r="K9" s="375"/>
      <c r="L9" s="377">
        <v>0</v>
      </c>
      <c r="M9" s="836" t="s">
        <v>358</v>
      </c>
      <c r="N9" s="837"/>
      <c r="O9" s="837"/>
      <c r="P9" s="837"/>
      <c r="Q9" s="837"/>
      <c r="R9" s="837"/>
      <c r="S9" s="838"/>
      <c r="T9" s="374"/>
      <c r="U9" s="375"/>
      <c r="V9" s="376"/>
      <c r="W9" s="374"/>
      <c r="X9" s="375"/>
      <c r="Y9" s="377">
        <v>0</v>
      </c>
      <c r="Z9" s="13"/>
    </row>
    <row r="10" spans="1:27" ht="29.25" customHeight="1" x14ac:dyDescent="0.2">
      <c r="A10" s="372" t="s">
        <v>123</v>
      </c>
      <c r="B10" s="9"/>
      <c r="C10" s="373">
        <v>0</v>
      </c>
      <c r="D10" s="374"/>
      <c r="E10" s="375"/>
      <c r="F10" s="376"/>
      <c r="G10" s="374"/>
      <c r="H10" s="375"/>
      <c r="I10" s="376"/>
      <c r="J10" s="374"/>
      <c r="K10" s="375"/>
      <c r="L10" s="377">
        <v>0</v>
      </c>
      <c r="M10" s="836" t="s">
        <v>358</v>
      </c>
      <c r="N10" s="837"/>
      <c r="O10" s="837"/>
      <c r="P10" s="837"/>
      <c r="Q10" s="837"/>
      <c r="R10" s="837"/>
      <c r="S10" s="838"/>
      <c r="T10" s="374"/>
      <c r="U10" s="375"/>
      <c r="V10" s="376"/>
      <c r="W10" s="374"/>
      <c r="X10" s="375"/>
      <c r="Y10" s="377">
        <v>0</v>
      </c>
      <c r="Z10" s="13"/>
    </row>
    <row r="11" spans="1:27" ht="29.25" customHeight="1" x14ac:dyDescent="0.2">
      <c r="A11" s="372" t="s">
        <v>125</v>
      </c>
      <c r="B11" s="9"/>
      <c r="C11" s="373">
        <v>0</v>
      </c>
      <c r="D11" s="374"/>
      <c r="E11" s="375"/>
      <c r="F11" s="376"/>
      <c r="G11" s="374"/>
      <c r="H11" s="375"/>
      <c r="I11" s="376"/>
      <c r="J11" s="374"/>
      <c r="K11" s="375"/>
      <c r="L11" s="377">
        <v>0</v>
      </c>
      <c r="M11" s="836" t="s">
        <v>358</v>
      </c>
      <c r="N11" s="837"/>
      <c r="O11" s="837"/>
      <c r="P11" s="837"/>
      <c r="Q11" s="837"/>
      <c r="R11" s="837"/>
      <c r="S11" s="838"/>
      <c r="T11" s="374"/>
      <c r="U11" s="375"/>
      <c r="V11" s="376"/>
      <c r="W11" s="374"/>
      <c r="X11" s="375"/>
      <c r="Y11" s="377">
        <v>0</v>
      </c>
      <c r="Z11" s="13"/>
    </row>
    <row r="12" spans="1:27" ht="29.25" customHeight="1" x14ac:dyDescent="0.2">
      <c r="A12" s="372" t="s">
        <v>127</v>
      </c>
      <c r="B12" s="9"/>
      <c r="C12" s="373">
        <v>0</v>
      </c>
      <c r="D12" s="374"/>
      <c r="E12" s="375"/>
      <c r="F12" s="376"/>
      <c r="G12" s="374"/>
      <c r="H12" s="375"/>
      <c r="I12" s="376"/>
      <c r="J12" s="374"/>
      <c r="K12" s="375"/>
      <c r="L12" s="377"/>
      <c r="M12" s="836" t="s">
        <v>358</v>
      </c>
      <c r="N12" s="837"/>
      <c r="O12" s="837"/>
      <c r="P12" s="837"/>
      <c r="Q12" s="837"/>
      <c r="R12" s="837"/>
      <c r="S12" s="838"/>
      <c r="T12" s="374"/>
      <c r="U12" s="375"/>
      <c r="V12" s="376"/>
      <c r="W12" s="374"/>
      <c r="X12" s="375"/>
      <c r="Y12" s="377">
        <v>0</v>
      </c>
      <c r="Z12" s="13"/>
    </row>
    <row r="13" spans="1:27" ht="29.25" customHeight="1" x14ac:dyDescent="0.2">
      <c r="A13" s="372" t="s">
        <v>129</v>
      </c>
      <c r="B13" s="9"/>
      <c r="C13" s="373">
        <v>0</v>
      </c>
      <c r="D13" s="374"/>
      <c r="E13" s="375"/>
      <c r="F13" s="376"/>
      <c r="G13" s="374"/>
      <c r="H13" s="375"/>
      <c r="I13" s="376"/>
      <c r="J13" s="374"/>
      <c r="K13" s="375"/>
      <c r="L13" s="377">
        <v>0</v>
      </c>
      <c r="M13" s="836" t="s">
        <v>358</v>
      </c>
      <c r="N13" s="837"/>
      <c r="O13" s="837"/>
      <c r="P13" s="837"/>
      <c r="Q13" s="837"/>
      <c r="R13" s="837"/>
      <c r="S13" s="838"/>
      <c r="T13" s="374"/>
      <c r="U13" s="375"/>
      <c r="V13" s="376"/>
      <c r="W13" s="374"/>
      <c r="X13" s="375"/>
      <c r="Y13" s="377">
        <v>0</v>
      </c>
      <c r="Z13" s="13"/>
    </row>
    <row r="14" spans="1:27" ht="29.25" customHeight="1" x14ac:dyDescent="0.2">
      <c r="A14" s="372" t="s">
        <v>131</v>
      </c>
      <c r="B14" s="9"/>
      <c r="C14" s="373">
        <v>0</v>
      </c>
      <c r="D14" s="374"/>
      <c r="E14" s="375"/>
      <c r="F14" s="376"/>
      <c r="G14" s="374"/>
      <c r="H14" s="375"/>
      <c r="I14" s="376"/>
      <c r="J14" s="374"/>
      <c r="K14" s="375"/>
      <c r="L14" s="377">
        <v>0</v>
      </c>
      <c r="M14" s="836" t="s">
        <v>358</v>
      </c>
      <c r="N14" s="837"/>
      <c r="O14" s="837"/>
      <c r="P14" s="837"/>
      <c r="Q14" s="837"/>
      <c r="R14" s="837"/>
      <c r="S14" s="838"/>
      <c r="T14" s="374"/>
      <c r="U14" s="375"/>
      <c r="V14" s="376"/>
      <c r="W14" s="374"/>
      <c r="X14" s="375"/>
      <c r="Y14" s="377">
        <v>0</v>
      </c>
      <c r="Z14" s="13"/>
    </row>
    <row r="15" spans="1:27" ht="29.25" customHeight="1" x14ac:dyDescent="0.2">
      <c r="A15" s="372" t="s">
        <v>133</v>
      </c>
      <c r="B15" s="9"/>
      <c r="C15" s="373"/>
      <c r="D15" s="374"/>
      <c r="E15" s="375"/>
      <c r="F15" s="376"/>
      <c r="G15" s="374"/>
      <c r="H15" s="375"/>
      <c r="I15" s="376"/>
      <c r="J15" s="374"/>
      <c r="K15" s="375"/>
      <c r="L15" s="377"/>
      <c r="M15" s="836" t="s">
        <v>358</v>
      </c>
      <c r="N15" s="837"/>
      <c r="O15" s="837"/>
      <c r="P15" s="837"/>
      <c r="Q15" s="837"/>
      <c r="R15" s="837"/>
      <c r="S15" s="838"/>
      <c r="T15" s="374"/>
      <c r="U15" s="375"/>
      <c r="V15" s="376"/>
      <c r="W15" s="374"/>
      <c r="X15" s="375"/>
      <c r="Y15" s="377"/>
      <c r="Z15" s="13"/>
    </row>
    <row r="16" spans="1:27" ht="29.25" customHeight="1" x14ac:dyDescent="0.2">
      <c r="A16" s="372" t="s">
        <v>134</v>
      </c>
      <c r="B16" s="9"/>
      <c r="C16" s="373"/>
      <c r="D16" s="374"/>
      <c r="E16" s="375"/>
      <c r="F16" s="376"/>
      <c r="G16" s="374"/>
      <c r="H16" s="375"/>
      <c r="I16" s="376"/>
      <c r="J16" s="374"/>
      <c r="K16" s="375"/>
      <c r="L16" s="377"/>
      <c r="M16" s="836" t="s">
        <v>358</v>
      </c>
      <c r="N16" s="837"/>
      <c r="O16" s="837"/>
      <c r="P16" s="837"/>
      <c r="Q16" s="837"/>
      <c r="R16" s="837"/>
      <c r="S16" s="838"/>
      <c r="T16" s="374"/>
      <c r="U16" s="375"/>
      <c r="V16" s="376"/>
      <c r="W16" s="374"/>
      <c r="X16" s="375"/>
      <c r="Y16" s="377"/>
      <c r="Z16" s="13"/>
    </row>
    <row r="17" spans="1:27" ht="29.25" customHeight="1" thickBot="1" x14ac:dyDescent="0.25">
      <c r="A17" s="378" t="s">
        <v>135</v>
      </c>
      <c r="B17" s="9"/>
      <c r="C17" s="373"/>
      <c r="D17" s="374"/>
      <c r="E17" s="375"/>
      <c r="F17" s="376"/>
      <c r="G17" s="374"/>
      <c r="H17" s="375"/>
      <c r="I17" s="376"/>
      <c r="J17" s="374"/>
      <c r="K17" s="375"/>
      <c r="L17" s="377"/>
      <c r="M17" s="839" t="s">
        <v>358</v>
      </c>
      <c r="N17" s="840"/>
      <c r="O17" s="840"/>
      <c r="P17" s="840"/>
      <c r="Q17" s="840"/>
      <c r="R17" s="840"/>
      <c r="S17" s="841"/>
      <c r="T17" s="374"/>
      <c r="U17" s="375"/>
      <c r="V17" s="376"/>
      <c r="W17" s="374"/>
      <c r="X17" s="375"/>
      <c r="Y17" s="377"/>
      <c r="Z17" s="13"/>
    </row>
    <row r="18" spans="1:27" ht="57" customHeight="1" x14ac:dyDescent="0.2">
      <c r="A18" s="355"/>
      <c r="B18" s="822" t="s">
        <v>377</v>
      </c>
      <c r="C18" s="822"/>
      <c r="D18" s="822"/>
      <c r="E18" s="822"/>
      <c r="F18" s="822"/>
      <c r="G18" s="822"/>
      <c r="H18" s="822"/>
      <c r="I18" s="822"/>
      <c r="J18" s="822"/>
      <c r="K18" s="822"/>
      <c r="L18" s="822"/>
      <c r="M18" s="822"/>
      <c r="N18" s="822"/>
      <c r="O18" s="822"/>
      <c r="P18" s="822"/>
      <c r="Q18" s="822"/>
      <c r="R18" s="822"/>
      <c r="S18" s="822"/>
      <c r="T18" s="822"/>
      <c r="U18" s="822"/>
      <c r="V18" s="822"/>
      <c r="W18" s="822"/>
      <c r="X18" s="822"/>
      <c r="Y18" s="822"/>
      <c r="Z18" s="822"/>
      <c r="AA18" s="339"/>
    </row>
    <row r="19" spans="1:27" ht="16.2" x14ac:dyDescent="0.2">
      <c r="A19" s="355"/>
      <c r="B19" s="356"/>
      <c r="C19" s="356"/>
      <c r="D19" s="356"/>
      <c r="E19" s="356"/>
      <c r="F19" s="356"/>
      <c r="G19" s="356"/>
      <c r="H19" s="356"/>
      <c r="I19" s="356"/>
      <c r="J19" s="356"/>
      <c r="K19" s="356"/>
      <c r="L19" s="356"/>
      <c r="M19" s="356"/>
      <c r="N19" s="356"/>
      <c r="O19" s="356"/>
      <c r="P19" s="356"/>
      <c r="Q19" s="356"/>
      <c r="R19" s="356"/>
      <c r="S19" s="356"/>
      <c r="T19" s="356"/>
      <c r="U19" s="356"/>
      <c r="V19" s="356"/>
      <c r="W19" s="356"/>
      <c r="X19" s="356"/>
      <c r="Y19" s="356"/>
      <c r="Z19" s="356"/>
      <c r="AA19" s="339"/>
    </row>
    <row r="20" spans="1:27" ht="16.2" x14ac:dyDescent="0.2">
      <c r="A20" s="355"/>
      <c r="B20" s="356"/>
      <c r="C20" s="356"/>
      <c r="D20" s="356"/>
      <c r="E20" s="356"/>
      <c r="F20" s="356"/>
      <c r="G20" s="356"/>
      <c r="H20" s="356"/>
      <c r="I20" s="356"/>
      <c r="J20" s="356"/>
      <c r="K20" s="356"/>
      <c r="L20" s="356"/>
      <c r="M20" s="356"/>
      <c r="N20" s="356"/>
      <c r="O20" s="356"/>
      <c r="P20" s="356"/>
      <c r="Q20" s="356"/>
      <c r="R20" s="356"/>
      <c r="S20" s="356"/>
      <c r="T20" s="356"/>
      <c r="U20" s="356"/>
      <c r="V20" s="356"/>
      <c r="W20" s="356"/>
      <c r="X20" s="356"/>
      <c r="Y20" s="356"/>
      <c r="Z20" s="356"/>
      <c r="AA20" s="357"/>
    </row>
    <row r="21" spans="1:27" ht="16.2" x14ac:dyDescent="0.2">
      <c r="A21" s="355"/>
      <c r="B21" s="356"/>
      <c r="C21" s="356"/>
      <c r="D21" s="356"/>
      <c r="E21" s="356"/>
      <c r="F21" s="356"/>
      <c r="G21" s="356"/>
      <c r="H21" s="356"/>
      <c r="I21" s="356"/>
      <c r="J21" s="356"/>
      <c r="K21" s="356"/>
      <c r="L21" s="356"/>
      <c r="M21" s="356"/>
      <c r="N21" s="356"/>
      <c r="O21" s="356"/>
      <c r="P21" s="356"/>
      <c r="Q21" s="356"/>
      <c r="R21" s="356"/>
      <c r="S21" s="356"/>
      <c r="T21" s="356"/>
      <c r="U21" s="356"/>
      <c r="V21" s="356"/>
      <c r="W21" s="356"/>
      <c r="X21" s="356"/>
      <c r="Y21" s="356"/>
      <c r="Z21" s="356"/>
      <c r="AA21" s="357"/>
    </row>
    <row r="44" spans="7:7" x14ac:dyDescent="0.2">
      <c r="G44" s="529"/>
    </row>
  </sheetData>
  <mergeCells count="18">
    <mergeCell ref="B18:Z18"/>
    <mergeCell ref="M7:S7"/>
    <mergeCell ref="M8:S8"/>
    <mergeCell ref="M9:S9"/>
    <mergeCell ref="M16:S16"/>
    <mergeCell ref="M17:S17"/>
    <mergeCell ref="M10:S10"/>
    <mergeCell ref="M11:S11"/>
    <mergeCell ref="M12:S12"/>
    <mergeCell ref="M13:S13"/>
    <mergeCell ref="M14:S14"/>
    <mergeCell ref="M15:S15"/>
    <mergeCell ref="M6:S6"/>
    <mergeCell ref="T5:Y5"/>
    <mergeCell ref="F4:L4"/>
    <mergeCell ref="A5:B5"/>
    <mergeCell ref="C5:L5"/>
    <mergeCell ref="M5:S5"/>
  </mergeCells>
  <phoneticPr fontId="2"/>
  <dataValidations count="2">
    <dataValidation type="textLength" allowBlank="1" showInputMessage="1" showErrorMessage="1" errorTitle="入力値エラー" error="100文字以内で入力してください｡" sqref="B6:B17" xr:uid="{00000000-0002-0000-1300-000000000000}">
      <formula1>0</formula1>
      <formula2>100</formula2>
    </dataValidation>
    <dataValidation type="textLength" allowBlank="1" showInputMessage="1" showErrorMessage="1" errorTitle="入力値エラー" error="50文字以内で入力してください｡" sqref="Z6:Z17" xr:uid="{00000000-0002-0000-13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pageSetUpPr fitToPage="1"/>
  </sheetPr>
  <dimension ref="A1:AA44"/>
  <sheetViews>
    <sheetView showZeros="0" view="pageBreakPreview" topLeftCell="A4" zoomScale="115" zoomScaleNormal="85" zoomScaleSheetLayoutView="115" workbookViewId="0">
      <selection activeCell="B18" sqref="B18:Z18"/>
    </sheetView>
  </sheetViews>
  <sheetFormatPr defaultRowHeight="14.4" x14ac:dyDescent="0.2"/>
  <cols>
    <col min="1" max="1" width="3.59765625" style="333" customWidth="1"/>
    <col min="2" max="2" width="31.59765625" style="333" customWidth="1"/>
    <col min="3" max="12" width="2.69921875" style="296" customWidth="1"/>
    <col min="13" max="13" width="2.59765625" style="333" customWidth="1"/>
    <col min="14" max="19" width="2.59765625" style="296" customWidth="1"/>
    <col min="20" max="25" width="2.69921875" style="296" customWidth="1"/>
    <col min="26" max="26" width="23.5" style="333" customWidth="1"/>
    <col min="27" max="27" width="18.59765625" style="333" customWidth="1"/>
    <col min="28" max="16384" width="8.796875" style="333"/>
  </cols>
  <sheetData>
    <row r="1" spans="1:27" ht="12.75" customHeight="1" x14ac:dyDescent="0.2">
      <c r="A1" s="355"/>
      <c r="B1" s="355"/>
      <c r="Z1" s="359" t="s">
        <v>262</v>
      </c>
    </row>
    <row r="2" spans="1:27" ht="12.75" customHeight="1" x14ac:dyDescent="0.2">
      <c r="A2" s="355"/>
      <c r="B2" s="360"/>
      <c r="M2" s="337"/>
      <c r="N2" s="379"/>
      <c r="O2" s="379"/>
      <c r="P2" s="379"/>
      <c r="Q2" s="379"/>
      <c r="R2" s="379"/>
      <c r="S2" s="379"/>
      <c r="Z2" s="360"/>
      <c r="AA2" s="355"/>
    </row>
    <row r="3" spans="1:27" ht="22.5" customHeight="1" thickBot="1" x14ac:dyDescent="0.25">
      <c r="A3" s="339" t="s">
        <v>87</v>
      </c>
      <c r="C3" s="361"/>
      <c r="D3" s="361"/>
      <c r="E3" s="361"/>
      <c r="F3" s="361"/>
      <c r="G3" s="361"/>
      <c r="H3" s="361"/>
      <c r="I3" s="361"/>
      <c r="J3" s="361"/>
      <c r="K3" s="361"/>
      <c r="L3" s="308"/>
      <c r="M3" s="308"/>
      <c r="N3" s="361"/>
      <c r="O3" s="361"/>
      <c r="P3" s="361"/>
      <c r="Q3" s="361"/>
      <c r="R3" s="361"/>
      <c r="S3" s="308"/>
      <c r="T3" s="361"/>
      <c r="U3" s="361"/>
      <c r="V3" s="361"/>
      <c r="W3" s="361"/>
      <c r="X3" s="361"/>
      <c r="Y3" s="308"/>
      <c r="Z3" s="339"/>
      <c r="AA3" s="339"/>
    </row>
    <row r="4" spans="1:27" ht="25.5" customHeight="1" thickBot="1" x14ac:dyDescent="0.25">
      <c r="A4" s="362" t="s">
        <v>213</v>
      </c>
      <c r="B4" s="363"/>
      <c r="C4" s="333"/>
      <c r="D4" s="364"/>
      <c r="E4" s="364"/>
      <c r="F4" s="830" t="s">
        <v>88</v>
      </c>
      <c r="G4" s="831"/>
      <c r="H4" s="831"/>
      <c r="I4" s="831"/>
      <c r="J4" s="831"/>
      <c r="K4" s="831"/>
      <c r="L4" s="832"/>
      <c r="M4" s="380"/>
      <c r="N4" s="364" t="s">
        <v>223</v>
      </c>
      <c r="P4" s="364" t="s">
        <v>224</v>
      </c>
      <c r="T4" s="364"/>
      <c r="X4" s="364"/>
      <c r="Z4" s="367"/>
    </row>
    <row r="5" spans="1:27" ht="25.5" customHeight="1" thickBot="1" x14ac:dyDescent="0.25">
      <c r="A5" s="673" t="s">
        <v>34</v>
      </c>
      <c r="B5" s="674"/>
      <c r="C5" s="673" t="s">
        <v>46</v>
      </c>
      <c r="D5" s="677"/>
      <c r="E5" s="677"/>
      <c r="F5" s="677"/>
      <c r="G5" s="677"/>
      <c r="H5" s="677"/>
      <c r="I5" s="677"/>
      <c r="J5" s="677"/>
      <c r="K5" s="677"/>
      <c r="L5" s="674"/>
      <c r="M5" s="833" t="s">
        <v>214</v>
      </c>
      <c r="N5" s="834"/>
      <c r="O5" s="834"/>
      <c r="P5" s="834"/>
      <c r="Q5" s="834"/>
      <c r="R5" s="834"/>
      <c r="S5" s="835"/>
      <c r="T5" s="673" t="s">
        <v>225</v>
      </c>
      <c r="U5" s="677"/>
      <c r="V5" s="677"/>
      <c r="W5" s="677"/>
      <c r="X5" s="677"/>
      <c r="Y5" s="674"/>
      <c r="Z5" s="368" t="s">
        <v>66</v>
      </c>
    </row>
    <row r="6" spans="1:27" ht="29.25" customHeight="1" x14ac:dyDescent="0.2">
      <c r="A6" s="354" t="s">
        <v>117</v>
      </c>
      <c r="B6" s="166"/>
      <c r="C6" s="369"/>
      <c r="D6" s="370"/>
      <c r="E6" s="371"/>
      <c r="F6" s="167"/>
      <c r="G6" s="161"/>
      <c r="H6" s="162"/>
      <c r="I6" s="167"/>
      <c r="J6" s="161"/>
      <c r="K6" s="162"/>
      <c r="L6" s="169"/>
      <c r="M6" s="827" t="s">
        <v>358</v>
      </c>
      <c r="N6" s="828"/>
      <c r="O6" s="828"/>
      <c r="P6" s="828"/>
      <c r="Q6" s="828"/>
      <c r="R6" s="828"/>
      <c r="S6" s="829"/>
      <c r="T6" s="370"/>
      <c r="U6" s="371"/>
      <c r="V6" s="382"/>
      <c r="W6" s="370"/>
      <c r="X6" s="371"/>
      <c r="Y6" s="169"/>
      <c r="Z6" s="22"/>
    </row>
    <row r="7" spans="1:27" ht="29.25" customHeight="1" x14ac:dyDescent="0.2">
      <c r="A7" s="372" t="s">
        <v>139</v>
      </c>
      <c r="B7" s="118"/>
      <c r="C7" s="373">
        <v>0</v>
      </c>
      <c r="D7" s="374"/>
      <c r="E7" s="148"/>
      <c r="F7" s="149"/>
      <c r="G7" s="150"/>
      <c r="H7" s="148"/>
      <c r="I7" s="149"/>
      <c r="J7" s="150"/>
      <c r="K7" s="148"/>
      <c r="L7" s="151"/>
      <c r="M7" s="836" t="s">
        <v>358</v>
      </c>
      <c r="N7" s="837"/>
      <c r="O7" s="837"/>
      <c r="P7" s="837"/>
      <c r="Q7" s="837"/>
      <c r="R7" s="837"/>
      <c r="S7" s="838"/>
      <c r="T7" s="374"/>
      <c r="U7" s="375"/>
      <c r="V7" s="376"/>
      <c r="W7" s="374"/>
      <c r="X7" s="375"/>
      <c r="Y7" s="168"/>
      <c r="Z7" s="13"/>
    </row>
    <row r="8" spans="1:27" ht="29.25" customHeight="1" x14ac:dyDescent="0.2">
      <c r="A8" s="372" t="s">
        <v>119</v>
      </c>
      <c r="B8" s="9"/>
      <c r="C8" s="373">
        <v>0</v>
      </c>
      <c r="D8" s="374"/>
      <c r="E8" s="375"/>
      <c r="F8" s="376"/>
      <c r="G8" s="374"/>
      <c r="H8" s="375"/>
      <c r="I8" s="376"/>
      <c r="J8" s="374"/>
      <c r="K8" s="375"/>
      <c r="L8" s="377">
        <v>0</v>
      </c>
      <c r="M8" s="836" t="s">
        <v>358</v>
      </c>
      <c r="N8" s="837"/>
      <c r="O8" s="837"/>
      <c r="P8" s="837"/>
      <c r="Q8" s="837"/>
      <c r="R8" s="837"/>
      <c r="S8" s="838"/>
      <c r="T8" s="374"/>
      <c r="U8" s="375"/>
      <c r="V8" s="376"/>
      <c r="W8" s="374"/>
      <c r="X8" s="375"/>
      <c r="Y8" s="377">
        <v>0</v>
      </c>
      <c r="Z8" s="13"/>
    </row>
    <row r="9" spans="1:27" ht="29.25" customHeight="1" x14ac:dyDescent="0.2">
      <c r="A9" s="372" t="s">
        <v>121</v>
      </c>
      <c r="B9" s="9"/>
      <c r="C9" s="373">
        <v>0</v>
      </c>
      <c r="D9" s="374"/>
      <c r="E9" s="375"/>
      <c r="F9" s="376"/>
      <c r="G9" s="374"/>
      <c r="H9" s="375"/>
      <c r="I9" s="376"/>
      <c r="J9" s="374"/>
      <c r="K9" s="375"/>
      <c r="L9" s="377">
        <v>0</v>
      </c>
      <c r="M9" s="836" t="s">
        <v>358</v>
      </c>
      <c r="N9" s="837"/>
      <c r="O9" s="837"/>
      <c r="P9" s="837"/>
      <c r="Q9" s="837"/>
      <c r="R9" s="837"/>
      <c r="S9" s="838"/>
      <c r="T9" s="374"/>
      <c r="U9" s="375"/>
      <c r="V9" s="376"/>
      <c r="W9" s="374"/>
      <c r="X9" s="375"/>
      <c r="Y9" s="377">
        <v>0</v>
      </c>
      <c r="Z9" s="13"/>
    </row>
    <row r="10" spans="1:27" ht="29.25" customHeight="1" x14ac:dyDescent="0.2">
      <c r="A10" s="372" t="s">
        <v>123</v>
      </c>
      <c r="B10" s="9"/>
      <c r="C10" s="373">
        <v>0</v>
      </c>
      <c r="D10" s="374"/>
      <c r="E10" s="375"/>
      <c r="F10" s="376"/>
      <c r="G10" s="374"/>
      <c r="H10" s="375"/>
      <c r="I10" s="376"/>
      <c r="J10" s="374"/>
      <c r="K10" s="375"/>
      <c r="L10" s="377">
        <v>0</v>
      </c>
      <c r="M10" s="836" t="s">
        <v>358</v>
      </c>
      <c r="N10" s="837"/>
      <c r="O10" s="837"/>
      <c r="P10" s="837"/>
      <c r="Q10" s="837"/>
      <c r="R10" s="837"/>
      <c r="S10" s="838"/>
      <c r="T10" s="374"/>
      <c r="U10" s="375"/>
      <c r="V10" s="376"/>
      <c r="W10" s="374"/>
      <c r="X10" s="375"/>
      <c r="Y10" s="377">
        <v>0</v>
      </c>
      <c r="Z10" s="13"/>
    </row>
    <row r="11" spans="1:27" ht="29.25" customHeight="1" x14ac:dyDescent="0.2">
      <c r="A11" s="372" t="s">
        <v>125</v>
      </c>
      <c r="B11" s="9"/>
      <c r="C11" s="373">
        <v>0</v>
      </c>
      <c r="D11" s="374"/>
      <c r="E11" s="375"/>
      <c r="F11" s="376"/>
      <c r="G11" s="374"/>
      <c r="H11" s="375"/>
      <c r="I11" s="376"/>
      <c r="J11" s="374"/>
      <c r="K11" s="375"/>
      <c r="L11" s="377">
        <v>0</v>
      </c>
      <c r="M11" s="836" t="s">
        <v>358</v>
      </c>
      <c r="N11" s="837"/>
      <c r="O11" s="837"/>
      <c r="P11" s="837"/>
      <c r="Q11" s="837"/>
      <c r="R11" s="837"/>
      <c r="S11" s="838"/>
      <c r="T11" s="374"/>
      <c r="U11" s="375"/>
      <c r="V11" s="376"/>
      <c r="W11" s="374"/>
      <c r="X11" s="375"/>
      <c r="Y11" s="377">
        <v>0</v>
      </c>
      <c r="Z11" s="13"/>
    </row>
    <row r="12" spans="1:27" ht="29.25" customHeight="1" x14ac:dyDescent="0.2">
      <c r="A12" s="372" t="s">
        <v>127</v>
      </c>
      <c r="B12" s="9"/>
      <c r="C12" s="373">
        <v>0</v>
      </c>
      <c r="D12" s="374"/>
      <c r="E12" s="375"/>
      <c r="F12" s="376"/>
      <c r="G12" s="374"/>
      <c r="H12" s="375"/>
      <c r="I12" s="376"/>
      <c r="J12" s="374"/>
      <c r="K12" s="375"/>
      <c r="L12" s="377">
        <v>0</v>
      </c>
      <c r="M12" s="836" t="s">
        <v>358</v>
      </c>
      <c r="N12" s="837"/>
      <c r="O12" s="837"/>
      <c r="P12" s="837"/>
      <c r="Q12" s="837"/>
      <c r="R12" s="837"/>
      <c r="S12" s="838"/>
      <c r="T12" s="374"/>
      <c r="U12" s="375"/>
      <c r="V12" s="376"/>
      <c r="W12" s="374"/>
      <c r="X12" s="375"/>
      <c r="Y12" s="377">
        <v>0</v>
      </c>
      <c r="Z12" s="13"/>
    </row>
    <row r="13" spans="1:27" ht="29.25" customHeight="1" x14ac:dyDescent="0.2">
      <c r="A13" s="372" t="s">
        <v>129</v>
      </c>
      <c r="B13" s="9"/>
      <c r="C13" s="373">
        <v>0</v>
      </c>
      <c r="D13" s="374"/>
      <c r="E13" s="375"/>
      <c r="F13" s="376"/>
      <c r="G13" s="374"/>
      <c r="H13" s="375"/>
      <c r="I13" s="376"/>
      <c r="J13" s="374"/>
      <c r="K13" s="375"/>
      <c r="L13" s="377">
        <v>0</v>
      </c>
      <c r="M13" s="836" t="s">
        <v>358</v>
      </c>
      <c r="N13" s="837"/>
      <c r="O13" s="837"/>
      <c r="P13" s="837"/>
      <c r="Q13" s="837"/>
      <c r="R13" s="837"/>
      <c r="S13" s="838"/>
      <c r="T13" s="374"/>
      <c r="U13" s="375"/>
      <c r="V13" s="376"/>
      <c r="W13" s="374"/>
      <c r="X13" s="375"/>
      <c r="Y13" s="377">
        <v>0</v>
      </c>
      <c r="Z13" s="13"/>
    </row>
    <row r="14" spans="1:27" ht="29.25" customHeight="1" x14ac:dyDescent="0.2">
      <c r="A14" s="372" t="s">
        <v>131</v>
      </c>
      <c r="B14" s="9"/>
      <c r="C14" s="373">
        <v>0</v>
      </c>
      <c r="D14" s="374"/>
      <c r="E14" s="375"/>
      <c r="F14" s="376"/>
      <c r="G14" s="374"/>
      <c r="H14" s="375"/>
      <c r="I14" s="376"/>
      <c r="J14" s="374"/>
      <c r="K14" s="375"/>
      <c r="L14" s="377">
        <v>0</v>
      </c>
      <c r="M14" s="836" t="s">
        <v>358</v>
      </c>
      <c r="N14" s="837"/>
      <c r="O14" s="837"/>
      <c r="P14" s="837"/>
      <c r="Q14" s="837"/>
      <c r="R14" s="837"/>
      <c r="S14" s="838"/>
      <c r="T14" s="374"/>
      <c r="U14" s="375"/>
      <c r="V14" s="376"/>
      <c r="W14" s="374"/>
      <c r="X14" s="375"/>
      <c r="Y14" s="377">
        <v>0</v>
      </c>
      <c r="Z14" s="13"/>
    </row>
    <row r="15" spans="1:27" ht="29.25" customHeight="1" x14ac:dyDescent="0.2">
      <c r="A15" s="372" t="s">
        <v>133</v>
      </c>
      <c r="B15" s="9"/>
      <c r="C15" s="373"/>
      <c r="D15" s="374"/>
      <c r="E15" s="375"/>
      <c r="F15" s="376"/>
      <c r="G15" s="374"/>
      <c r="H15" s="375"/>
      <c r="I15" s="376"/>
      <c r="J15" s="374"/>
      <c r="K15" s="375"/>
      <c r="L15" s="377"/>
      <c r="M15" s="836" t="s">
        <v>358</v>
      </c>
      <c r="N15" s="837"/>
      <c r="O15" s="837"/>
      <c r="P15" s="837"/>
      <c r="Q15" s="837"/>
      <c r="R15" s="837"/>
      <c r="S15" s="838"/>
      <c r="T15" s="374"/>
      <c r="U15" s="375"/>
      <c r="V15" s="376"/>
      <c r="W15" s="374"/>
      <c r="X15" s="375"/>
      <c r="Y15" s="377"/>
      <c r="Z15" s="13"/>
    </row>
    <row r="16" spans="1:27" ht="29.25" customHeight="1" x14ac:dyDescent="0.2">
      <c r="A16" s="372" t="s">
        <v>134</v>
      </c>
      <c r="B16" s="9"/>
      <c r="C16" s="373"/>
      <c r="D16" s="374"/>
      <c r="E16" s="375"/>
      <c r="F16" s="376"/>
      <c r="G16" s="374"/>
      <c r="H16" s="375"/>
      <c r="I16" s="376"/>
      <c r="J16" s="374"/>
      <c r="K16" s="375"/>
      <c r="L16" s="377"/>
      <c r="M16" s="836" t="s">
        <v>358</v>
      </c>
      <c r="N16" s="837"/>
      <c r="O16" s="837"/>
      <c r="P16" s="837"/>
      <c r="Q16" s="837"/>
      <c r="R16" s="837"/>
      <c r="S16" s="838"/>
      <c r="T16" s="374"/>
      <c r="U16" s="375"/>
      <c r="V16" s="376"/>
      <c r="W16" s="374"/>
      <c r="X16" s="375"/>
      <c r="Y16" s="377"/>
      <c r="Z16" s="13"/>
    </row>
    <row r="17" spans="1:27" ht="29.25" customHeight="1" thickBot="1" x14ac:dyDescent="0.25">
      <c r="A17" s="378" t="s">
        <v>135</v>
      </c>
      <c r="B17" s="9"/>
      <c r="C17" s="373"/>
      <c r="D17" s="374"/>
      <c r="E17" s="375"/>
      <c r="F17" s="376"/>
      <c r="G17" s="374"/>
      <c r="H17" s="375"/>
      <c r="I17" s="376"/>
      <c r="J17" s="374"/>
      <c r="K17" s="375"/>
      <c r="L17" s="377"/>
      <c r="M17" s="839" t="s">
        <v>358</v>
      </c>
      <c r="N17" s="840"/>
      <c r="O17" s="840"/>
      <c r="P17" s="840"/>
      <c r="Q17" s="840"/>
      <c r="R17" s="840"/>
      <c r="S17" s="841"/>
      <c r="T17" s="374"/>
      <c r="U17" s="375"/>
      <c r="V17" s="376"/>
      <c r="W17" s="374"/>
      <c r="X17" s="375"/>
      <c r="Y17" s="377"/>
      <c r="Z17" s="13"/>
    </row>
    <row r="18" spans="1:27" ht="45.6" customHeight="1" x14ac:dyDescent="0.2">
      <c r="A18" s="355"/>
      <c r="B18" s="822" t="s">
        <v>386</v>
      </c>
      <c r="C18" s="822"/>
      <c r="D18" s="822"/>
      <c r="E18" s="822"/>
      <c r="F18" s="822"/>
      <c r="G18" s="822"/>
      <c r="H18" s="822"/>
      <c r="I18" s="822"/>
      <c r="J18" s="822"/>
      <c r="K18" s="822"/>
      <c r="L18" s="822"/>
      <c r="M18" s="822"/>
      <c r="N18" s="822"/>
      <c r="O18" s="822"/>
      <c r="P18" s="822"/>
      <c r="Q18" s="822"/>
      <c r="R18" s="822"/>
      <c r="S18" s="822"/>
      <c r="T18" s="822"/>
      <c r="U18" s="822"/>
      <c r="V18" s="822"/>
      <c r="W18" s="822"/>
      <c r="X18" s="822"/>
      <c r="Y18" s="822"/>
      <c r="Z18" s="822"/>
      <c r="AA18" s="339"/>
    </row>
    <row r="19" spans="1:27" ht="16.2" x14ac:dyDescent="0.2">
      <c r="A19" s="355"/>
      <c r="B19" s="356"/>
      <c r="C19" s="356"/>
      <c r="D19" s="356"/>
      <c r="E19" s="356"/>
      <c r="F19" s="356"/>
      <c r="G19" s="356"/>
      <c r="H19" s="356"/>
      <c r="I19" s="356"/>
      <c r="J19" s="356"/>
      <c r="K19" s="356"/>
      <c r="L19" s="356"/>
      <c r="M19" s="356"/>
      <c r="N19" s="356"/>
      <c r="O19" s="356"/>
      <c r="P19" s="356"/>
      <c r="Q19" s="356"/>
      <c r="R19" s="356"/>
      <c r="S19" s="356"/>
      <c r="T19" s="356"/>
      <c r="U19" s="356"/>
      <c r="V19" s="356"/>
      <c r="W19" s="356"/>
      <c r="X19" s="356"/>
      <c r="Y19" s="356"/>
      <c r="Z19" s="356"/>
      <c r="AA19" s="339"/>
    </row>
    <row r="20" spans="1:27" ht="16.2" x14ac:dyDescent="0.2">
      <c r="A20" s="355"/>
      <c r="B20" s="356"/>
      <c r="C20" s="356"/>
      <c r="D20" s="356"/>
      <c r="E20" s="356"/>
      <c r="F20" s="356"/>
      <c r="G20" s="356"/>
      <c r="H20" s="356"/>
      <c r="I20" s="356"/>
      <c r="J20" s="356"/>
      <c r="K20" s="356"/>
      <c r="L20" s="356"/>
      <c r="M20" s="356"/>
      <c r="N20" s="356"/>
      <c r="O20" s="356"/>
      <c r="P20" s="356"/>
      <c r="Q20" s="356"/>
      <c r="R20" s="356"/>
      <c r="S20" s="356"/>
      <c r="T20" s="356"/>
      <c r="U20" s="356"/>
      <c r="V20" s="356"/>
      <c r="W20" s="356"/>
      <c r="X20" s="356"/>
      <c r="Y20" s="356"/>
      <c r="Z20" s="356"/>
      <c r="AA20" s="357"/>
    </row>
    <row r="21" spans="1:27" ht="16.2" x14ac:dyDescent="0.2">
      <c r="A21" s="355"/>
      <c r="B21" s="356"/>
      <c r="C21" s="356"/>
      <c r="D21" s="356"/>
      <c r="E21" s="356"/>
      <c r="F21" s="356"/>
      <c r="G21" s="356"/>
      <c r="H21" s="356"/>
      <c r="I21" s="356"/>
      <c r="J21" s="356"/>
      <c r="K21" s="356"/>
      <c r="L21" s="356"/>
      <c r="M21" s="356"/>
      <c r="N21" s="356"/>
      <c r="O21" s="356"/>
      <c r="P21" s="356"/>
      <c r="Q21" s="356"/>
      <c r="R21" s="356"/>
      <c r="S21" s="356"/>
      <c r="T21" s="356"/>
      <c r="U21" s="356"/>
      <c r="V21" s="356"/>
      <c r="W21" s="356"/>
      <c r="X21" s="356"/>
      <c r="Y21" s="356"/>
      <c r="Z21" s="356"/>
      <c r="AA21" s="357"/>
    </row>
    <row r="44" spans="7:7" x14ac:dyDescent="0.2">
      <c r="G44" s="529"/>
    </row>
  </sheetData>
  <mergeCells count="18">
    <mergeCell ref="B18:Z18"/>
    <mergeCell ref="M7:S7"/>
    <mergeCell ref="M8:S8"/>
    <mergeCell ref="M9:S9"/>
    <mergeCell ref="M16:S16"/>
    <mergeCell ref="M17:S17"/>
    <mergeCell ref="M10:S10"/>
    <mergeCell ref="M11:S11"/>
    <mergeCell ref="M12:S12"/>
    <mergeCell ref="M13:S13"/>
    <mergeCell ref="M14:S14"/>
    <mergeCell ref="M15:S15"/>
    <mergeCell ref="M6:S6"/>
    <mergeCell ref="M5:S5"/>
    <mergeCell ref="T5:Y5"/>
    <mergeCell ref="F4:L4"/>
    <mergeCell ref="A5:B5"/>
    <mergeCell ref="C5:L5"/>
  </mergeCells>
  <phoneticPr fontId="2"/>
  <dataValidations count="2">
    <dataValidation type="textLength" allowBlank="1" showInputMessage="1" showErrorMessage="1" errorTitle="入力値エラー" error="100文字以内で入力してください｡" sqref="B6:B17" xr:uid="{00000000-0002-0000-1400-000000000000}">
      <formula1>0</formula1>
      <formula2>100</formula2>
    </dataValidation>
    <dataValidation type="textLength" allowBlank="1" showInputMessage="1" showErrorMessage="1" errorTitle="入力値エラー" error="50文字以内で入力してください｡" sqref="Z6:Z17" xr:uid="{00000000-0002-0000-14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pageSetUpPr fitToPage="1"/>
  </sheetPr>
  <dimension ref="A1:O44"/>
  <sheetViews>
    <sheetView showZeros="0" view="pageBreakPreview" zoomScale="85" zoomScaleNormal="100" zoomScaleSheetLayoutView="85" workbookViewId="0">
      <selection activeCell="B18" sqref="B18:N18"/>
    </sheetView>
  </sheetViews>
  <sheetFormatPr defaultRowHeight="14.4" x14ac:dyDescent="0.2"/>
  <cols>
    <col min="1" max="1" width="3.59765625" style="333" customWidth="1"/>
    <col min="2" max="2" width="35.59765625" style="333" customWidth="1"/>
    <col min="3" max="3" width="14.09765625" style="337" customWidth="1"/>
    <col min="4" max="13" width="2.69921875" style="296" customWidth="1"/>
    <col min="14" max="14" width="40.09765625" style="333" customWidth="1"/>
    <col min="15" max="15" width="18.59765625" style="333" customWidth="1"/>
    <col min="16" max="16384" width="8.796875" style="333"/>
  </cols>
  <sheetData>
    <row r="1" spans="1:15" ht="12.75" customHeight="1" x14ac:dyDescent="0.2">
      <c r="A1" s="355"/>
      <c r="B1" s="355"/>
      <c r="C1" s="358"/>
      <c r="N1" s="359" t="s">
        <v>261</v>
      </c>
    </row>
    <row r="2" spans="1:15" ht="12.75" customHeight="1" x14ac:dyDescent="0.2">
      <c r="A2" s="355"/>
      <c r="B2" s="360"/>
      <c r="C2" s="339"/>
      <c r="N2" s="360"/>
      <c r="O2" s="355"/>
    </row>
    <row r="3" spans="1:15" ht="22.5" customHeight="1" thickBot="1" x14ac:dyDescent="0.25">
      <c r="A3" s="339" t="s">
        <v>87</v>
      </c>
      <c r="D3" s="361"/>
      <c r="E3" s="361"/>
      <c r="F3" s="361"/>
      <c r="G3" s="361"/>
      <c r="H3" s="361"/>
      <c r="I3" s="361"/>
      <c r="J3" s="361"/>
      <c r="K3" s="361"/>
      <c r="L3" s="361"/>
      <c r="M3" s="308"/>
      <c r="N3" s="339"/>
      <c r="O3" s="339"/>
    </row>
    <row r="4" spans="1:15" ht="25.5" customHeight="1" thickBot="1" x14ac:dyDescent="0.25">
      <c r="A4" s="362" t="s">
        <v>213</v>
      </c>
      <c r="B4" s="363"/>
      <c r="C4" s="830" t="s">
        <v>88</v>
      </c>
      <c r="D4" s="831"/>
      <c r="E4" s="832"/>
      <c r="G4" s="364" t="s">
        <v>226</v>
      </c>
      <c r="I4" s="842" t="s">
        <v>359</v>
      </c>
      <c r="J4" s="843"/>
      <c r="K4" s="843"/>
      <c r="L4" s="843"/>
      <c r="M4" s="843"/>
      <c r="N4" s="844"/>
    </row>
    <row r="5" spans="1:15" ht="25.5" customHeight="1" thickBot="1" x14ac:dyDescent="0.25">
      <c r="A5" s="673" t="s">
        <v>34</v>
      </c>
      <c r="B5" s="677"/>
      <c r="C5" s="674"/>
      <c r="D5" s="673" t="s">
        <v>46</v>
      </c>
      <c r="E5" s="677"/>
      <c r="F5" s="677"/>
      <c r="G5" s="677"/>
      <c r="H5" s="677"/>
      <c r="I5" s="677"/>
      <c r="J5" s="677"/>
      <c r="K5" s="677"/>
      <c r="L5" s="677"/>
      <c r="M5" s="674"/>
      <c r="N5" s="368" t="s">
        <v>66</v>
      </c>
    </row>
    <row r="6" spans="1:15" ht="29.25" customHeight="1" x14ac:dyDescent="0.2">
      <c r="A6" s="354" t="s">
        <v>117</v>
      </c>
      <c r="B6" s="170"/>
      <c r="C6" s="64"/>
      <c r="D6" s="369"/>
      <c r="E6" s="370"/>
      <c r="F6" s="162"/>
      <c r="G6" s="167"/>
      <c r="H6" s="161"/>
      <c r="I6" s="162"/>
      <c r="J6" s="167"/>
      <c r="K6" s="161"/>
      <c r="L6" s="162"/>
      <c r="M6" s="169"/>
      <c r="N6" s="22"/>
    </row>
    <row r="7" spans="1:15" ht="29.25" customHeight="1" x14ac:dyDescent="0.2">
      <c r="A7" s="372" t="s">
        <v>139</v>
      </c>
      <c r="B7" s="46"/>
      <c r="C7" s="47"/>
      <c r="D7" s="373">
        <v>0</v>
      </c>
      <c r="E7" s="374"/>
      <c r="F7" s="375"/>
      <c r="G7" s="376"/>
      <c r="H7" s="374"/>
      <c r="I7" s="375"/>
      <c r="J7" s="376"/>
      <c r="K7" s="374"/>
      <c r="L7" s="375"/>
      <c r="M7" s="377">
        <v>0</v>
      </c>
      <c r="N7" s="13"/>
    </row>
    <row r="8" spans="1:15" ht="29.25" customHeight="1" x14ac:dyDescent="0.2">
      <c r="A8" s="372" t="s">
        <v>119</v>
      </c>
      <c r="B8" s="46"/>
      <c r="C8" s="47"/>
      <c r="D8" s="373">
        <v>0</v>
      </c>
      <c r="E8" s="374"/>
      <c r="F8" s="375"/>
      <c r="G8" s="376"/>
      <c r="H8" s="374"/>
      <c r="I8" s="375"/>
      <c r="J8" s="376"/>
      <c r="K8" s="374"/>
      <c r="L8" s="375"/>
      <c r="M8" s="377">
        <v>0</v>
      </c>
      <c r="N8" s="13"/>
    </row>
    <row r="9" spans="1:15" ht="29.25" customHeight="1" x14ac:dyDescent="0.2">
      <c r="A9" s="372" t="s">
        <v>121</v>
      </c>
      <c r="B9" s="46"/>
      <c r="C9" s="47"/>
      <c r="D9" s="373">
        <v>0</v>
      </c>
      <c r="E9" s="374"/>
      <c r="F9" s="375"/>
      <c r="G9" s="376"/>
      <c r="H9" s="374"/>
      <c r="I9" s="375"/>
      <c r="J9" s="376"/>
      <c r="K9" s="374"/>
      <c r="L9" s="375"/>
      <c r="M9" s="377">
        <v>0</v>
      </c>
      <c r="N9" s="13"/>
    </row>
    <row r="10" spans="1:15" ht="29.25" customHeight="1" x14ac:dyDescent="0.2">
      <c r="A10" s="372" t="s">
        <v>123</v>
      </c>
      <c r="B10" s="46"/>
      <c r="C10" s="47"/>
      <c r="D10" s="373">
        <v>0</v>
      </c>
      <c r="E10" s="374"/>
      <c r="F10" s="375"/>
      <c r="G10" s="376"/>
      <c r="H10" s="374"/>
      <c r="I10" s="375"/>
      <c r="J10" s="376"/>
      <c r="K10" s="374"/>
      <c r="L10" s="375"/>
      <c r="M10" s="377">
        <v>0</v>
      </c>
      <c r="N10" s="13"/>
    </row>
    <row r="11" spans="1:15" ht="29.25" customHeight="1" x14ac:dyDescent="0.2">
      <c r="A11" s="372" t="s">
        <v>125</v>
      </c>
      <c r="B11" s="46"/>
      <c r="C11" s="47"/>
      <c r="D11" s="373">
        <v>0</v>
      </c>
      <c r="E11" s="374"/>
      <c r="F11" s="375"/>
      <c r="G11" s="376"/>
      <c r="H11" s="374"/>
      <c r="I11" s="375"/>
      <c r="J11" s="376"/>
      <c r="K11" s="374"/>
      <c r="L11" s="375"/>
      <c r="M11" s="377">
        <v>0</v>
      </c>
      <c r="N11" s="13"/>
    </row>
    <row r="12" spans="1:15" ht="29.25" customHeight="1" x14ac:dyDescent="0.2">
      <c r="A12" s="372" t="s">
        <v>127</v>
      </c>
      <c r="B12" s="46"/>
      <c r="C12" s="47"/>
      <c r="D12" s="373">
        <v>0</v>
      </c>
      <c r="E12" s="374"/>
      <c r="F12" s="375"/>
      <c r="G12" s="376"/>
      <c r="H12" s="374"/>
      <c r="I12" s="375"/>
      <c r="J12" s="376"/>
      <c r="K12" s="374"/>
      <c r="L12" s="375"/>
      <c r="M12" s="377">
        <v>0</v>
      </c>
      <c r="N12" s="13"/>
    </row>
    <row r="13" spans="1:15" ht="29.25" customHeight="1" x14ac:dyDescent="0.2">
      <c r="A13" s="372" t="s">
        <v>129</v>
      </c>
      <c r="B13" s="46"/>
      <c r="C13" s="47"/>
      <c r="D13" s="373">
        <v>0</v>
      </c>
      <c r="E13" s="374"/>
      <c r="F13" s="375"/>
      <c r="G13" s="376"/>
      <c r="H13" s="374"/>
      <c r="I13" s="375"/>
      <c r="J13" s="376"/>
      <c r="K13" s="374"/>
      <c r="L13" s="375"/>
      <c r="M13" s="377">
        <v>0</v>
      </c>
      <c r="N13" s="13"/>
    </row>
    <row r="14" spans="1:15" ht="29.25" customHeight="1" x14ac:dyDescent="0.2">
      <c r="A14" s="372" t="s">
        <v>131</v>
      </c>
      <c r="B14" s="46"/>
      <c r="C14" s="47"/>
      <c r="D14" s="373">
        <v>0</v>
      </c>
      <c r="E14" s="374"/>
      <c r="F14" s="375"/>
      <c r="G14" s="376"/>
      <c r="H14" s="374"/>
      <c r="I14" s="375"/>
      <c r="J14" s="376"/>
      <c r="K14" s="374"/>
      <c r="L14" s="375"/>
      <c r="M14" s="377">
        <v>0</v>
      </c>
      <c r="N14" s="13"/>
    </row>
    <row r="15" spans="1:15" ht="29.25" customHeight="1" x14ac:dyDescent="0.2">
      <c r="A15" s="372" t="s">
        <v>133</v>
      </c>
      <c r="B15" s="46"/>
      <c r="C15" s="47"/>
      <c r="D15" s="373"/>
      <c r="E15" s="374"/>
      <c r="F15" s="375"/>
      <c r="G15" s="376"/>
      <c r="H15" s="374"/>
      <c r="I15" s="375"/>
      <c r="J15" s="376"/>
      <c r="K15" s="374"/>
      <c r="L15" s="375"/>
      <c r="M15" s="377"/>
      <c r="N15" s="13"/>
    </row>
    <row r="16" spans="1:15" ht="29.25" customHeight="1" x14ac:dyDescent="0.2">
      <c r="A16" s="372" t="s">
        <v>134</v>
      </c>
      <c r="B16" s="46"/>
      <c r="C16" s="47"/>
      <c r="D16" s="373"/>
      <c r="E16" s="374"/>
      <c r="F16" s="375"/>
      <c r="G16" s="376"/>
      <c r="H16" s="374"/>
      <c r="I16" s="375"/>
      <c r="J16" s="376"/>
      <c r="K16" s="374"/>
      <c r="L16" s="375"/>
      <c r="M16" s="377"/>
      <c r="N16" s="13"/>
    </row>
    <row r="17" spans="1:15" ht="29.25" customHeight="1" thickBot="1" x14ac:dyDescent="0.25">
      <c r="A17" s="378" t="s">
        <v>135</v>
      </c>
      <c r="B17" s="46"/>
      <c r="C17" s="47"/>
      <c r="D17" s="373"/>
      <c r="E17" s="374"/>
      <c r="F17" s="375"/>
      <c r="G17" s="376"/>
      <c r="H17" s="374"/>
      <c r="I17" s="375"/>
      <c r="J17" s="376"/>
      <c r="K17" s="374"/>
      <c r="L17" s="375"/>
      <c r="M17" s="377"/>
      <c r="N17" s="13"/>
    </row>
    <row r="18" spans="1:15" ht="43.2" customHeight="1" x14ac:dyDescent="0.2">
      <c r="A18" s="384" t="s">
        <v>387</v>
      </c>
      <c r="B18" s="822" t="s">
        <v>388</v>
      </c>
      <c r="C18" s="822"/>
      <c r="D18" s="822"/>
      <c r="E18" s="822"/>
      <c r="F18" s="822"/>
      <c r="G18" s="822"/>
      <c r="H18" s="822"/>
      <c r="I18" s="822"/>
      <c r="J18" s="822"/>
      <c r="K18" s="822"/>
      <c r="L18" s="822"/>
      <c r="M18" s="822"/>
      <c r="N18" s="822"/>
      <c r="O18" s="339"/>
    </row>
    <row r="19" spans="1:15" ht="16.2" customHeight="1" x14ac:dyDescent="0.2">
      <c r="A19" s="385"/>
      <c r="B19" s="385"/>
      <c r="C19" s="385"/>
      <c r="D19" s="385"/>
      <c r="E19" s="385"/>
      <c r="F19" s="385"/>
      <c r="G19" s="385"/>
      <c r="H19" s="385"/>
      <c r="I19" s="385"/>
      <c r="J19" s="385"/>
      <c r="K19" s="385"/>
      <c r="L19" s="385"/>
      <c r="M19" s="385"/>
      <c r="N19" s="385"/>
      <c r="O19" s="339"/>
    </row>
    <row r="20" spans="1:15" ht="16.2" x14ac:dyDescent="0.2">
      <c r="A20" s="355"/>
      <c r="B20" s="356"/>
      <c r="C20" s="356"/>
      <c r="D20" s="356"/>
      <c r="E20" s="356"/>
      <c r="F20" s="356"/>
      <c r="G20" s="356"/>
      <c r="H20" s="356"/>
      <c r="I20" s="356"/>
      <c r="J20" s="356"/>
      <c r="K20" s="356"/>
      <c r="L20" s="356"/>
      <c r="M20" s="356"/>
      <c r="N20" s="356"/>
      <c r="O20" s="357"/>
    </row>
    <row r="21" spans="1:15" ht="16.2" x14ac:dyDescent="0.2">
      <c r="A21" s="355"/>
      <c r="B21" s="356"/>
      <c r="C21" s="356"/>
      <c r="D21" s="356"/>
      <c r="E21" s="356"/>
      <c r="F21" s="356"/>
      <c r="G21" s="356"/>
      <c r="H21" s="356"/>
      <c r="I21" s="356"/>
      <c r="J21" s="356"/>
      <c r="K21" s="356"/>
      <c r="L21" s="356"/>
      <c r="M21" s="356"/>
      <c r="N21" s="356"/>
      <c r="O21" s="357"/>
    </row>
    <row r="44" spans="7:7" x14ac:dyDescent="0.2">
      <c r="G44" s="529"/>
    </row>
  </sheetData>
  <mergeCells count="5">
    <mergeCell ref="A5:C5"/>
    <mergeCell ref="D5:M5"/>
    <mergeCell ref="C4:E4"/>
    <mergeCell ref="I4:N4"/>
    <mergeCell ref="B18:N18"/>
  </mergeCells>
  <phoneticPr fontId="2"/>
  <dataValidations count="2">
    <dataValidation type="textLength" allowBlank="1" showInputMessage="1" showErrorMessage="1" errorTitle="入力値エラー" error="50文字以内で入力してください｡" sqref="N6:N17" xr:uid="{00000000-0002-0000-1500-000000000000}">
      <formula1>0</formula1>
      <formula2>50</formula2>
    </dataValidation>
    <dataValidation type="textLength" allowBlank="1" showInputMessage="1" showErrorMessage="1" errorTitle="入力値エラー" error="100文字以内で入力してください｡" sqref="B6:C17" xr:uid="{00000000-0002-0000-1500-000001000000}">
      <formula1>0</formula1>
      <formula2>10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A1:U44"/>
  <sheetViews>
    <sheetView showZeros="0" view="pageBreakPreview" zoomScale="85" zoomScaleNormal="100" zoomScaleSheetLayoutView="85" workbookViewId="0">
      <selection activeCell="B18" sqref="B18:T19"/>
    </sheetView>
  </sheetViews>
  <sheetFormatPr defaultRowHeight="14.4" x14ac:dyDescent="0.2"/>
  <cols>
    <col min="1" max="1" width="3.59765625" style="333" customWidth="1"/>
    <col min="2" max="2" width="35.59765625" style="333" customWidth="1"/>
    <col min="3" max="12" width="2.69921875" style="296" customWidth="1"/>
    <col min="13" max="13" width="2.59765625" style="333" customWidth="1"/>
    <col min="14" max="19" width="2.59765625" style="296" customWidth="1"/>
    <col min="20" max="20" width="35.8984375" style="333" customWidth="1"/>
    <col min="21" max="21" width="18.59765625" style="333" customWidth="1"/>
    <col min="22" max="16384" width="8.796875" style="333"/>
  </cols>
  <sheetData>
    <row r="1" spans="1:21" ht="12.75" customHeight="1" x14ac:dyDescent="0.2">
      <c r="A1" s="355"/>
      <c r="B1" s="355"/>
      <c r="T1" s="359" t="s">
        <v>260</v>
      </c>
    </row>
    <row r="2" spans="1:21" ht="12.75" customHeight="1" x14ac:dyDescent="0.2">
      <c r="A2" s="355"/>
      <c r="B2" s="360"/>
      <c r="M2" s="337"/>
      <c r="N2" s="379"/>
      <c r="O2" s="379"/>
      <c r="P2" s="379"/>
      <c r="Q2" s="379"/>
      <c r="R2" s="379"/>
      <c r="S2" s="379"/>
      <c r="T2" s="360"/>
      <c r="U2" s="355"/>
    </row>
    <row r="3" spans="1:21" ht="22.5" customHeight="1" thickBot="1" x14ac:dyDescent="0.25">
      <c r="A3" s="383" t="s">
        <v>87</v>
      </c>
      <c r="C3" s="361"/>
      <c r="D3" s="361"/>
      <c r="E3" s="361"/>
      <c r="F3" s="361"/>
      <c r="G3" s="361"/>
      <c r="H3" s="361"/>
      <c r="I3" s="361"/>
      <c r="J3" s="361"/>
      <c r="K3" s="361"/>
      <c r="L3" s="308"/>
      <c r="M3" s="308"/>
      <c r="N3" s="361"/>
      <c r="O3" s="361"/>
      <c r="P3" s="361"/>
      <c r="Q3" s="361"/>
      <c r="R3" s="361"/>
      <c r="S3" s="308"/>
      <c r="T3" s="339"/>
      <c r="U3" s="339"/>
    </row>
    <row r="4" spans="1:21" ht="25.5" customHeight="1" thickBot="1" x14ac:dyDescent="0.25">
      <c r="A4" s="362" t="s">
        <v>213</v>
      </c>
      <c r="B4" s="363"/>
      <c r="C4" s="830" t="s">
        <v>88</v>
      </c>
      <c r="D4" s="831"/>
      <c r="E4" s="831"/>
      <c r="F4" s="831"/>
      <c r="G4" s="831"/>
      <c r="H4" s="831"/>
      <c r="I4" s="832"/>
      <c r="J4" s="380"/>
      <c r="K4" s="364" t="s">
        <v>227</v>
      </c>
      <c r="M4" s="364" t="s">
        <v>228</v>
      </c>
      <c r="T4" s="367"/>
    </row>
    <row r="5" spans="1:21" ht="25.5" customHeight="1" thickBot="1" x14ac:dyDescent="0.25">
      <c r="A5" s="673" t="s">
        <v>34</v>
      </c>
      <c r="B5" s="674"/>
      <c r="C5" s="673" t="s">
        <v>46</v>
      </c>
      <c r="D5" s="677"/>
      <c r="E5" s="677"/>
      <c r="F5" s="677"/>
      <c r="G5" s="677"/>
      <c r="H5" s="677"/>
      <c r="I5" s="677"/>
      <c r="J5" s="677"/>
      <c r="K5" s="677"/>
      <c r="L5" s="674"/>
      <c r="M5" s="833" t="s">
        <v>229</v>
      </c>
      <c r="N5" s="834"/>
      <c r="O5" s="834"/>
      <c r="P5" s="834"/>
      <c r="Q5" s="834"/>
      <c r="R5" s="834"/>
      <c r="S5" s="835"/>
      <c r="T5" s="368" t="s">
        <v>66</v>
      </c>
    </row>
    <row r="6" spans="1:21" ht="29.25" customHeight="1" x14ac:dyDescent="0.2">
      <c r="A6" s="354" t="s">
        <v>117</v>
      </c>
      <c r="B6" s="166"/>
      <c r="C6" s="369"/>
      <c r="D6" s="370"/>
      <c r="E6" s="371"/>
      <c r="F6" s="167"/>
      <c r="G6" s="161"/>
      <c r="H6" s="162"/>
      <c r="I6" s="167"/>
      <c r="J6" s="161"/>
      <c r="K6" s="162"/>
      <c r="L6" s="169"/>
      <c r="M6" s="827" t="s">
        <v>358</v>
      </c>
      <c r="N6" s="828"/>
      <c r="O6" s="828"/>
      <c r="P6" s="828"/>
      <c r="Q6" s="828"/>
      <c r="R6" s="828"/>
      <c r="S6" s="829"/>
      <c r="T6" s="22"/>
    </row>
    <row r="7" spans="1:21" ht="29.25" customHeight="1" x14ac:dyDescent="0.2">
      <c r="A7" s="372" t="s">
        <v>139</v>
      </c>
      <c r="B7" s="9"/>
      <c r="C7" s="373">
        <v>0</v>
      </c>
      <c r="D7" s="374"/>
      <c r="E7" s="375"/>
      <c r="F7" s="376"/>
      <c r="G7" s="374"/>
      <c r="H7" s="375"/>
      <c r="I7" s="376"/>
      <c r="J7" s="374"/>
      <c r="K7" s="375"/>
      <c r="L7" s="377">
        <v>0</v>
      </c>
      <c r="M7" s="836" t="s">
        <v>358</v>
      </c>
      <c r="N7" s="837"/>
      <c r="O7" s="837"/>
      <c r="P7" s="837"/>
      <c r="Q7" s="837"/>
      <c r="R7" s="837"/>
      <c r="S7" s="838"/>
      <c r="T7" s="13"/>
    </row>
    <row r="8" spans="1:21" ht="29.25" customHeight="1" x14ac:dyDescent="0.2">
      <c r="A8" s="372" t="s">
        <v>119</v>
      </c>
      <c r="B8" s="9"/>
      <c r="C8" s="373">
        <v>0</v>
      </c>
      <c r="D8" s="374"/>
      <c r="E8" s="375"/>
      <c r="F8" s="376"/>
      <c r="G8" s="374"/>
      <c r="H8" s="375"/>
      <c r="I8" s="376"/>
      <c r="J8" s="374"/>
      <c r="K8" s="375"/>
      <c r="L8" s="377">
        <v>0</v>
      </c>
      <c r="M8" s="836" t="s">
        <v>358</v>
      </c>
      <c r="N8" s="837"/>
      <c r="O8" s="837"/>
      <c r="P8" s="837"/>
      <c r="Q8" s="837"/>
      <c r="R8" s="837"/>
      <c r="S8" s="838"/>
      <c r="T8" s="13"/>
    </row>
    <row r="9" spans="1:21" ht="29.25" customHeight="1" x14ac:dyDescent="0.2">
      <c r="A9" s="372" t="s">
        <v>121</v>
      </c>
      <c r="B9" s="9"/>
      <c r="C9" s="373">
        <v>0</v>
      </c>
      <c r="D9" s="374"/>
      <c r="E9" s="375"/>
      <c r="F9" s="376"/>
      <c r="G9" s="374"/>
      <c r="H9" s="375"/>
      <c r="I9" s="376"/>
      <c r="J9" s="374"/>
      <c r="K9" s="375"/>
      <c r="L9" s="377">
        <v>0</v>
      </c>
      <c r="M9" s="836" t="s">
        <v>358</v>
      </c>
      <c r="N9" s="837"/>
      <c r="O9" s="837"/>
      <c r="P9" s="837"/>
      <c r="Q9" s="837"/>
      <c r="R9" s="837"/>
      <c r="S9" s="838"/>
      <c r="T9" s="13"/>
    </row>
    <row r="10" spans="1:21" ht="29.25" customHeight="1" x14ac:dyDescent="0.2">
      <c r="A10" s="372" t="s">
        <v>123</v>
      </c>
      <c r="B10" s="9"/>
      <c r="C10" s="373">
        <v>0</v>
      </c>
      <c r="D10" s="374"/>
      <c r="E10" s="375"/>
      <c r="F10" s="376"/>
      <c r="G10" s="374"/>
      <c r="H10" s="375"/>
      <c r="I10" s="376"/>
      <c r="J10" s="374"/>
      <c r="K10" s="375"/>
      <c r="L10" s="377">
        <v>0</v>
      </c>
      <c r="M10" s="836" t="s">
        <v>358</v>
      </c>
      <c r="N10" s="837"/>
      <c r="O10" s="837"/>
      <c r="P10" s="837"/>
      <c r="Q10" s="837"/>
      <c r="R10" s="837"/>
      <c r="S10" s="838"/>
      <c r="T10" s="13"/>
    </row>
    <row r="11" spans="1:21" ht="29.25" customHeight="1" x14ac:dyDescent="0.2">
      <c r="A11" s="372" t="s">
        <v>125</v>
      </c>
      <c r="B11" s="9"/>
      <c r="C11" s="373">
        <v>0</v>
      </c>
      <c r="D11" s="374"/>
      <c r="E11" s="375"/>
      <c r="F11" s="376"/>
      <c r="G11" s="374"/>
      <c r="H11" s="375"/>
      <c r="I11" s="376"/>
      <c r="J11" s="374"/>
      <c r="K11" s="375"/>
      <c r="L11" s="377">
        <v>0</v>
      </c>
      <c r="M11" s="836" t="s">
        <v>358</v>
      </c>
      <c r="N11" s="837"/>
      <c r="O11" s="837"/>
      <c r="P11" s="837"/>
      <c r="Q11" s="837"/>
      <c r="R11" s="837"/>
      <c r="S11" s="838"/>
      <c r="T11" s="13"/>
    </row>
    <row r="12" spans="1:21" ht="29.25" customHeight="1" x14ac:dyDescent="0.2">
      <c r="A12" s="372" t="s">
        <v>127</v>
      </c>
      <c r="B12" s="9"/>
      <c r="C12" s="373">
        <v>0</v>
      </c>
      <c r="D12" s="374"/>
      <c r="E12" s="375"/>
      <c r="F12" s="376"/>
      <c r="G12" s="374"/>
      <c r="H12" s="375"/>
      <c r="I12" s="376"/>
      <c r="J12" s="374"/>
      <c r="K12" s="375"/>
      <c r="L12" s="377">
        <v>0</v>
      </c>
      <c r="M12" s="836" t="s">
        <v>358</v>
      </c>
      <c r="N12" s="837"/>
      <c r="O12" s="837"/>
      <c r="P12" s="837"/>
      <c r="Q12" s="837"/>
      <c r="R12" s="837"/>
      <c r="S12" s="838"/>
      <c r="T12" s="13"/>
    </row>
    <row r="13" spans="1:21" ht="29.25" customHeight="1" x14ac:dyDescent="0.2">
      <c r="A13" s="372" t="s">
        <v>129</v>
      </c>
      <c r="B13" s="9"/>
      <c r="C13" s="373">
        <v>0</v>
      </c>
      <c r="D13" s="374"/>
      <c r="E13" s="375"/>
      <c r="F13" s="376"/>
      <c r="G13" s="374"/>
      <c r="H13" s="375"/>
      <c r="I13" s="376"/>
      <c r="J13" s="374"/>
      <c r="K13" s="375"/>
      <c r="L13" s="377">
        <v>0</v>
      </c>
      <c r="M13" s="836" t="s">
        <v>358</v>
      </c>
      <c r="N13" s="837"/>
      <c r="O13" s="837"/>
      <c r="P13" s="837"/>
      <c r="Q13" s="837"/>
      <c r="R13" s="837"/>
      <c r="S13" s="838"/>
      <c r="T13" s="13"/>
    </row>
    <row r="14" spans="1:21" ht="29.25" customHeight="1" x14ac:dyDescent="0.2">
      <c r="A14" s="372" t="s">
        <v>131</v>
      </c>
      <c r="B14" s="9"/>
      <c r="C14" s="373">
        <v>0</v>
      </c>
      <c r="D14" s="374"/>
      <c r="E14" s="375"/>
      <c r="F14" s="376"/>
      <c r="G14" s="374"/>
      <c r="H14" s="375"/>
      <c r="I14" s="376"/>
      <c r="J14" s="374"/>
      <c r="K14" s="375"/>
      <c r="L14" s="377">
        <v>0</v>
      </c>
      <c r="M14" s="836" t="s">
        <v>358</v>
      </c>
      <c r="N14" s="837"/>
      <c r="O14" s="837"/>
      <c r="P14" s="837"/>
      <c r="Q14" s="837"/>
      <c r="R14" s="837"/>
      <c r="S14" s="838"/>
      <c r="T14" s="13"/>
    </row>
    <row r="15" spans="1:21" ht="29.25" customHeight="1" x14ac:dyDescent="0.2">
      <c r="A15" s="372" t="s">
        <v>133</v>
      </c>
      <c r="B15" s="9"/>
      <c r="C15" s="373"/>
      <c r="D15" s="374"/>
      <c r="E15" s="375"/>
      <c r="F15" s="376"/>
      <c r="G15" s="374"/>
      <c r="H15" s="375"/>
      <c r="I15" s="376"/>
      <c r="J15" s="374"/>
      <c r="K15" s="375"/>
      <c r="L15" s="377"/>
      <c r="M15" s="836" t="s">
        <v>358</v>
      </c>
      <c r="N15" s="837"/>
      <c r="O15" s="837"/>
      <c r="P15" s="837"/>
      <c r="Q15" s="837"/>
      <c r="R15" s="837"/>
      <c r="S15" s="838"/>
      <c r="T15" s="13"/>
    </row>
    <row r="16" spans="1:21" ht="29.25" customHeight="1" x14ac:dyDescent="0.2">
      <c r="A16" s="372" t="s">
        <v>134</v>
      </c>
      <c r="B16" s="9"/>
      <c r="C16" s="373"/>
      <c r="D16" s="374"/>
      <c r="E16" s="375"/>
      <c r="F16" s="376"/>
      <c r="G16" s="374"/>
      <c r="H16" s="375"/>
      <c r="I16" s="376"/>
      <c r="J16" s="374"/>
      <c r="K16" s="375"/>
      <c r="L16" s="377"/>
      <c r="M16" s="836" t="s">
        <v>358</v>
      </c>
      <c r="N16" s="837"/>
      <c r="O16" s="837"/>
      <c r="P16" s="837"/>
      <c r="Q16" s="837"/>
      <c r="R16" s="837"/>
      <c r="S16" s="838"/>
      <c r="T16" s="13"/>
    </row>
    <row r="17" spans="1:21" ht="29.25" customHeight="1" thickBot="1" x14ac:dyDescent="0.25">
      <c r="A17" s="378" t="s">
        <v>135</v>
      </c>
      <c r="B17" s="9"/>
      <c r="C17" s="373"/>
      <c r="D17" s="374"/>
      <c r="E17" s="375"/>
      <c r="F17" s="376"/>
      <c r="G17" s="374"/>
      <c r="H17" s="375"/>
      <c r="I17" s="376"/>
      <c r="J17" s="374"/>
      <c r="K17" s="375"/>
      <c r="L17" s="377"/>
      <c r="M17" s="839" t="s">
        <v>358</v>
      </c>
      <c r="N17" s="840"/>
      <c r="O17" s="840"/>
      <c r="P17" s="840"/>
      <c r="Q17" s="840"/>
      <c r="R17" s="840"/>
      <c r="S17" s="841"/>
      <c r="T17" s="13"/>
    </row>
    <row r="18" spans="1:21" ht="41.25" customHeight="1" x14ac:dyDescent="0.2">
      <c r="A18" s="845"/>
      <c r="B18" s="822" t="s">
        <v>378</v>
      </c>
      <c r="C18" s="822"/>
      <c r="D18" s="822"/>
      <c r="E18" s="822"/>
      <c r="F18" s="822"/>
      <c r="G18" s="822"/>
      <c r="H18" s="822"/>
      <c r="I18" s="822"/>
      <c r="J18" s="822"/>
      <c r="K18" s="822"/>
      <c r="L18" s="822"/>
      <c r="M18" s="822"/>
      <c r="N18" s="822"/>
      <c r="O18" s="822"/>
      <c r="P18" s="822"/>
      <c r="Q18" s="822"/>
      <c r="R18" s="822"/>
      <c r="S18" s="822"/>
      <c r="T18" s="822"/>
    </row>
    <row r="19" spans="1:21" ht="15.75" customHeight="1" x14ac:dyDescent="0.2">
      <c r="A19" s="846"/>
      <c r="B19" s="895"/>
      <c r="C19" s="895"/>
      <c r="D19" s="895"/>
      <c r="E19" s="895"/>
      <c r="F19" s="895"/>
      <c r="G19" s="895"/>
      <c r="H19" s="895"/>
      <c r="I19" s="895"/>
      <c r="J19" s="895"/>
      <c r="K19" s="895"/>
      <c r="L19" s="895"/>
      <c r="M19" s="895"/>
      <c r="N19" s="895"/>
      <c r="O19" s="895"/>
      <c r="P19" s="895"/>
      <c r="Q19" s="895"/>
      <c r="R19" s="895"/>
      <c r="S19" s="895"/>
      <c r="T19" s="895"/>
      <c r="U19" s="339"/>
    </row>
    <row r="20" spans="1:21" ht="16.2" x14ac:dyDescent="0.2">
      <c r="A20" s="355"/>
      <c r="B20" s="356"/>
      <c r="C20" s="356"/>
      <c r="D20" s="356"/>
      <c r="E20" s="356"/>
      <c r="F20" s="356"/>
      <c r="G20" s="356"/>
      <c r="H20" s="356"/>
      <c r="I20" s="356"/>
      <c r="J20" s="356"/>
      <c r="K20" s="356"/>
      <c r="L20" s="356"/>
      <c r="M20" s="356"/>
      <c r="N20" s="356"/>
      <c r="O20" s="356"/>
      <c r="P20" s="356"/>
      <c r="Q20" s="356"/>
      <c r="R20" s="356"/>
      <c r="S20" s="356"/>
      <c r="T20" s="356"/>
      <c r="U20" s="357"/>
    </row>
    <row r="21" spans="1:21" ht="16.2" x14ac:dyDescent="0.2">
      <c r="A21" s="355"/>
      <c r="B21" s="356"/>
      <c r="C21" s="356"/>
      <c r="D21" s="356"/>
      <c r="E21" s="356"/>
      <c r="F21" s="356"/>
      <c r="G21" s="356"/>
      <c r="H21" s="356"/>
      <c r="I21" s="356"/>
      <c r="J21" s="356"/>
      <c r="K21" s="356"/>
      <c r="L21" s="356"/>
      <c r="M21" s="356"/>
      <c r="N21" s="356"/>
      <c r="O21" s="356"/>
      <c r="P21" s="356"/>
      <c r="Q21" s="356"/>
      <c r="R21" s="356"/>
      <c r="S21" s="356"/>
      <c r="T21" s="356"/>
      <c r="U21" s="357"/>
    </row>
    <row r="44" spans="7:7" x14ac:dyDescent="0.2">
      <c r="G44" s="529"/>
    </row>
  </sheetData>
  <mergeCells count="18">
    <mergeCell ref="M5:S5"/>
    <mergeCell ref="C4:I4"/>
    <mergeCell ref="A5:B5"/>
    <mergeCell ref="C5:L5"/>
    <mergeCell ref="B18:T19"/>
    <mergeCell ref="A18:A19"/>
    <mergeCell ref="M6:S6"/>
    <mergeCell ref="M7:S7"/>
    <mergeCell ref="M8:S8"/>
    <mergeCell ref="M9:S9"/>
    <mergeCell ref="M16:S16"/>
    <mergeCell ref="M17:S17"/>
    <mergeCell ref="M10:S10"/>
    <mergeCell ref="M11:S11"/>
    <mergeCell ref="M12:S12"/>
    <mergeCell ref="M13:S13"/>
    <mergeCell ref="M14:S14"/>
    <mergeCell ref="M15:S15"/>
  </mergeCells>
  <phoneticPr fontId="2"/>
  <dataValidations count="2">
    <dataValidation type="textLength" allowBlank="1" showInputMessage="1" showErrorMessage="1" errorTitle="入力値エラー" error="50文字以内で入力してください｡" sqref="T6:T17" xr:uid="{00000000-0002-0000-1600-000000000000}">
      <formula1>0</formula1>
      <formula2>50</formula2>
    </dataValidation>
    <dataValidation type="textLength" allowBlank="1" showInputMessage="1" showErrorMessage="1" errorTitle="入力値エラー" error="100文字以内で入力してください｡" sqref="B6:B17" xr:uid="{00000000-0002-0000-1600-000001000000}">
      <formula1>0</formula1>
      <formula2>10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pageSetUpPr fitToPage="1"/>
  </sheetPr>
  <dimension ref="A1:U44"/>
  <sheetViews>
    <sheetView showZeros="0" view="pageBreakPreview" zoomScale="85" zoomScaleNormal="85" zoomScaleSheetLayoutView="85" workbookViewId="0">
      <selection activeCell="T27" sqref="T27"/>
    </sheetView>
  </sheetViews>
  <sheetFormatPr defaultRowHeight="14.4" x14ac:dyDescent="0.2"/>
  <cols>
    <col min="1" max="1" width="3.59765625" style="333" customWidth="1"/>
    <col min="2" max="2" width="35.59765625" style="333" customWidth="1"/>
    <col min="3" max="12" width="2.69921875" style="296" customWidth="1"/>
    <col min="13" max="13" width="2.59765625" style="333" customWidth="1"/>
    <col min="14" max="19" width="2.59765625" style="296" customWidth="1"/>
    <col min="20" max="20" width="35.59765625" style="333" customWidth="1"/>
    <col min="21" max="21" width="18.59765625" style="333" customWidth="1"/>
    <col min="22" max="16384" width="8.796875" style="333"/>
  </cols>
  <sheetData>
    <row r="1" spans="1:21" ht="12.75" customHeight="1" x14ac:dyDescent="0.2">
      <c r="A1" s="355"/>
      <c r="B1" s="355"/>
      <c r="T1" s="359" t="s">
        <v>259</v>
      </c>
    </row>
    <row r="2" spans="1:21" ht="12.75" customHeight="1" x14ac:dyDescent="0.2">
      <c r="A2" s="355"/>
      <c r="B2" s="360"/>
      <c r="M2" s="337"/>
      <c r="N2" s="379"/>
      <c r="O2" s="379"/>
      <c r="P2" s="379"/>
      <c r="Q2" s="379"/>
      <c r="R2" s="379"/>
      <c r="S2" s="379"/>
      <c r="T2" s="360"/>
      <c r="U2" s="355"/>
    </row>
    <row r="3" spans="1:21" ht="22.5" customHeight="1" thickBot="1" x14ac:dyDescent="0.25">
      <c r="A3" s="339" t="s">
        <v>87</v>
      </c>
      <c r="C3" s="361"/>
      <c r="D3" s="361"/>
      <c r="E3" s="361"/>
      <c r="F3" s="361"/>
      <c r="G3" s="361"/>
      <c r="H3" s="361"/>
      <c r="I3" s="361"/>
      <c r="J3" s="361"/>
      <c r="K3" s="361"/>
      <c r="L3" s="308"/>
      <c r="M3" s="308"/>
      <c r="N3" s="361"/>
      <c r="O3" s="361"/>
      <c r="P3" s="361"/>
      <c r="Q3" s="361"/>
      <c r="R3" s="361"/>
      <c r="S3" s="308"/>
      <c r="T3" s="339"/>
      <c r="U3" s="339"/>
    </row>
    <row r="4" spans="1:21" ht="25.5" customHeight="1" thickBot="1" x14ac:dyDescent="0.25">
      <c r="A4" s="362" t="s">
        <v>213</v>
      </c>
      <c r="B4" s="363"/>
      <c r="C4" s="830" t="s">
        <v>88</v>
      </c>
      <c r="D4" s="831"/>
      <c r="E4" s="831"/>
      <c r="F4" s="831"/>
      <c r="G4" s="831"/>
      <c r="H4" s="831"/>
      <c r="I4" s="832"/>
      <c r="J4" s="380"/>
      <c r="K4" s="364" t="s">
        <v>230</v>
      </c>
      <c r="M4" s="364" t="s">
        <v>231</v>
      </c>
      <c r="T4" s="367"/>
    </row>
    <row r="5" spans="1:21" ht="25.5" customHeight="1" thickBot="1" x14ac:dyDescent="0.25">
      <c r="A5" s="673" t="s">
        <v>34</v>
      </c>
      <c r="B5" s="674"/>
      <c r="C5" s="673" t="s">
        <v>46</v>
      </c>
      <c r="D5" s="677"/>
      <c r="E5" s="677"/>
      <c r="F5" s="677"/>
      <c r="G5" s="677"/>
      <c r="H5" s="677"/>
      <c r="I5" s="677"/>
      <c r="J5" s="677"/>
      <c r="K5" s="677"/>
      <c r="L5" s="674"/>
      <c r="M5" s="833" t="s">
        <v>214</v>
      </c>
      <c r="N5" s="834"/>
      <c r="O5" s="834"/>
      <c r="P5" s="834"/>
      <c r="Q5" s="834"/>
      <c r="R5" s="834"/>
      <c r="S5" s="835"/>
      <c r="T5" s="368" t="s">
        <v>66</v>
      </c>
    </row>
    <row r="6" spans="1:21" ht="29.25" customHeight="1" x14ac:dyDescent="0.2">
      <c r="A6" s="354" t="s">
        <v>117</v>
      </c>
      <c r="B6" s="166"/>
      <c r="C6" s="369"/>
      <c r="D6" s="370"/>
      <c r="E6" s="371"/>
      <c r="F6" s="167"/>
      <c r="G6" s="161"/>
      <c r="H6" s="162"/>
      <c r="I6" s="167"/>
      <c r="J6" s="161"/>
      <c r="K6" s="162"/>
      <c r="L6" s="169"/>
      <c r="M6" s="827" t="s">
        <v>358</v>
      </c>
      <c r="N6" s="828"/>
      <c r="O6" s="828"/>
      <c r="P6" s="828"/>
      <c r="Q6" s="828"/>
      <c r="R6" s="828"/>
      <c r="S6" s="829"/>
      <c r="T6" s="171"/>
    </row>
    <row r="7" spans="1:21" ht="29.25" customHeight="1" x14ac:dyDescent="0.2">
      <c r="A7" s="372" t="s">
        <v>139</v>
      </c>
      <c r="B7" s="118"/>
      <c r="C7" s="373">
        <v>0</v>
      </c>
      <c r="D7" s="374"/>
      <c r="E7" s="375"/>
      <c r="F7" s="376"/>
      <c r="G7" s="150"/>
      <c r="H7" s="148"/>
      <c r="I7" s="149"/>
      <c r="J7" s="150"/>
      <c r="K7" s="148"/>
      <c r="L7" s="151"/>
      <c r="M7" s="836" t="s">
        <v>358</v>
      </c>
      <c r="N7" s="837"/>
      <c r="O7" s="837"/>
      <c r="P7" s="837"/>
      <c r="Q7" s="837"/>
      <c r="R7" s="837"/>
      <c r="S7" s="838"/>
      <c r="T7" s="132"/>
    </row>
    <row r="8" spans="1:21" ht="29.25" customHeight="1" x14ac:dyDescent="0.2">
      <c r="A8" s="372" t="s">
        <v>119</v>
      </c>
      <c r="B8" s="9"/>
      <c r="C8" s="373">
        <v>0</v>
      </c>
      <c r="D8" s="374"/>
      <c r="E8" s="375"/>
      <c r="F8" s="376"/>
      <c r="G8" s="374"/>
      <c r="H8" s="375"/>
      <c r="I8" s="376"/>
      <c r="J8" s="374"/>
      <c r="K8" s="375"/>
      <c r="L8" s="377">
        <v>0</v>
      </c>
      <c r="M8" s="836" t="s">
        <v>358</v>
      </c>
      <c r="N8" s="837"/>
      <c r="O8" s="837"/>
      <c r="P8" s="837"/>
      <c r="Q8" s="837"/>
      <c r="R8" s="837"/>
      <c r="S8" s="838"/>
      <c r="T8" s="13"/>
    </row>
    <row r="9" spans="1:21" ht="29.25" customHeight="1" x14ac:dyDescent="0.2">
      <c r="A9" s="372" t="s">
        <v>121</v>
      </c>
      <c r="B9" s="9"/>
      <c r="C9" s="373">
        <v>0</v>
      </c>
      <c r="D9" s="374"/>
      <c r="E9" s="375"/>
      <c r="F9" s="376"/>
      <c r="G9" s="374"/>
      <c r="H9" s="375"/>
      <c r="I9" s="376"/>
      <c r="J9" s="374"/>
      <c r="K9" s="375"/>
      <c r="L9" s="377">
        <v>0</v>
      </c>
      <c r="M9" s="836" t="s">
        <v>358</v>
      </c>
      <c r="N9" s="837"/>
      <c r="O9" s="837"/>
      <c r="P9" s="837"/>
      <c r="Q9" s="837"/>
      <c r="R9" s="837"/>
      <c r="S9" s="838"/>
      <c r="T9" s="13"/>
    </row>
    <row r="10" spans="1:21" ht="29.25" customHeight="1" x14ac:dyDescent="0.2">
      <c r="A10" s="372" t="s">
        <v>123</v>
      </c>
      <c r="B10" s="9"/>
      <c r="C10" s="373">
        <v>0</v>
      </c>
      <c r="D10" s="374"/>
      <c r="E10" s="375"/>
      <c r="F10" s="376"/>
      <c r="G10" s="374"/>
      <c r="H10" s="375"/>
      <c r="I10" s="376"/>
      <c r="J10" s="374"/>
      <c r="K10" s="375"/>
      <c r="L10" s="377">
        <v>0</v>
      </c>
      <c r="M10" s="836" t="s">
        <v>358</v>
      </c>
      <c r="N10" s="837"/>
      <c r="O10" s="837"/>
      <c r="P10" s="837"/>
      <c r="Q10" s="837"/>
      <c r="R10" s="837"/>
      <c r="S10" s="838"/>
      <c r="T10" s="13"/>
    </row>
    <row r="11" spans="1:21" ht="29.25" customHeight="1" x14ac:dyDescent="0.2">
      <c r="A11" s="372" t="s">
        <v>125</v>
      </c>
      <c r="B11" s="9"/>
      <c r="C11" s="373">
        <v>0</v>
      </c>
      <c r="D11" s="374"/>
      <c r="E11" s="375"/>
      <c r="F11" s="376"/>
      <c r="G11" s="374"/>
      <c r="H11" s="375"/>
      <c r="I11" s="376"/>
      <c r="J11" s="374"/>
      <c r="K11" s="375"/>
      <c r="L11" s="377">
        <v>0</v>
      </c>
      <c r="M11" s="836" t="s">
        <v>358</v>
      </c>
      <c r="N11" s="837"/>
      <c r="O11" s="837"/>
      <c r="P11" s="837"/>
      <c r="Q11" s="837"/>
      <c r="R11" s="837"/>
      <c r="S11" s="838"/>
      <c r="T11" s="13"/>
    </row>
    <row r="12" spans="1:21" ht="29.25" customHeight="1" x14ac:dyDescent="0.2">
      <c r="A12" s="372" t="s">
        <v>127</v>
      </c>
      <c r="B12" s="9"/>
      <c r="C12" s="373">
        <v>0</v>
      </c>
      <c r="D12" s="374"/>
      <c r="E12" s="375"/>
      <c r="F12" s="376"/>
      <c r="G12" s="374"/>
      <c r="H12" s="375"/>
      <c r="I12" s="376"/>
      <c r="J12" s="374"/>
      <c r="K12" s="375"/>
      <c r="L12" s="377">
        <v>0</v>
      </c>
      <c r="M12" s="836" t="s">
        <v>358</v>
      </c>
      <c r="N12" s="837"/>
      <c r="O12" s="837"/>
      <c r="P12" s="837"/>
      <c r="Q12" s="837"/>
      <c r="R12" s="837"/>
      <c r="S12" s="838"/>
      <c r="T12" s="13"/>
    </row>
    <row r="13" spans="1:21" ht="29.25" customHeight="1" x14ac:dyDescent="0.2">
      <c r="A13" s="372" t="s">
        <v>129</v>
      </c>
      <c r="B13" s="9"/>
      <c r="C13" s="373">
        <v>0</v>
      </c>
      <c r="D13" s="374"/>
      <c r="E13" s="375"/>
      <c r="F13" s="376"/>
      <c r="G13" s="374"/>
      <c r="H13" s="375"/>
      <c r="I13" s="376"/>
      <c r="J13" s="374"/>
      <c r="K13" s="375"/>
      <c r="L13" s="377">
        <v>0</v>
      </c>
      <c r="M13" s="836" t="s">
        <v>358</v>
      </c>
      <c r="N13" s="837"/>
      <c r="O13" s="837"/>
      <c r="P13" s="837"/>
      <c r="Q13" s="837"/>
      <c r="R13" s="837"/>
      <c r="S13" s="838"/>
      <c r="T13" s="13"/>
    </row>
    <row r="14" spans="1:21" ht="29.25" customHeight="1" x14ac:dyDescent="0.2">
      <c r="A14" s="372" t="s">
        <v>131</v>
      </c>
      <c r="B14" s="9"/>
      <c r="C14" s="373">
        <v>0</v>
      </c>
      <c r="D14" s="374"/>
      <c r="E14" s="375"/>
      <c r="F14" s="376"/>
      <c r="G14" s="374"/>
      <c r="H14" s="375"/>
      <c r="I14" s="376"/>
      <c r="J14" s="374"/>
      <c r="K14" s="375"/>
      <c r="L14" s="377">
        <v>0</v>
      </c>
      <c r="M14" s="836" t="s">
        <v>358</v>
      </c>
      <c r="N14" s="837"/>
      <c r="O14" s="837"/>
      <c r="P14" s="837"/>
      <c r="Q14" s="837"/>
      <c r="R14" s="837"/>
      <c r="S14" s="838"/>
      <c r="T14" s="13"/>
    </row>
    <row r="15" spans="1:21" ht="29.25" customHeight="1" x14ac:dyDescent="0.2">
      <c r="A15" s="372" t="s">
        <v>133</v>
      </c>
      <c r="B15" s="9"/>
      <c r="C15" s="373"/>
      <c r="D15" s="374"/>
      <c r="E15" s="375"/>
      <c r="F15" s="376"/>
      <c r="G15" s="374"/>
      <c r="H15" s="375"/>
      <c r="I15" s="376"/>
      <c r="J15" s="374"/>
      <c r="K15" s="375"/>
      <c r="L15" s="377"/>
      <c r="M15" s="836" t="s">
        <v>358</v>
      </c>
      <c r="N15" s="837"/>
      <c r="O15" s="837"/>
      <c r="P15" s="837"/>
      <c r="Q15" s="837"/>
      <c r="R15" s="837"/>
      <c r="S15" s="838"/>
      <c r="T15" s="13"/>
    </row>
    <row r="16" spans="1:21" ht="29.25" customHeight="1" x14ac:dyDescent="0.2">
      <c r="A16" s="372" t="s">
        <v>134</v>
      </c>
      <c r="B16" s="9"/>
      <c r="C16" s="373"/>
      <c r="D16" s="374"/>
      <c r="E16" s="375"/>
      <c r="F16" s="376"/>
      <c r="G16" s="374"/>
      <c r="H16" s="375"/>
      <c r="I16" s="376"/>
      <c r="J16" s="374"/>
      <c r="K16" s="375"/>
      <c r="L16" s="377"/>
      <c r="M16" s="836" t="s">
        <v>358</v>
      </c>
      <c r="N16" s="837"/>
      <c r="O16" s="837"/>
      <c r="P16" s="837"/>
      <c r="Q16" s="837"/>
      <c r="R16" s="837"/>
      <c r="S16" s="838"/>
      <c r="T16" s="13"/>
    </row>
    <row r="17" spans="1:21" ht="29.25" customHeight="1" thickBot="1" x14ac:dyDescent="0.25">
      <c r="A17" s="378" t="s">
        <v>135</v>
      </c>
      <c r="B17" s="9"/>
      <c r="C17" s="373"/>
      <c r="D17" s="374"/>
      <c r="E17" s="375"/>
      <c r="F17" s="376"/>
      <c r="G17" s="374"/>
      <c r="H17" s="375"/>
      <c r="I17" s="376"/>
      <c r="J17" s="374"/>
      <c r="K17" s="375"/>
      <c r="L17" s="377"/>
      <c r="M17" s="839" t="s">
        <v>358</v>
      </c>
      <c r="N17" s="840"/>
      <c r="O17" s="840"/>
      <c r="P17" s="840"/>
      <c r="Q17" s="840"/>
      <c r="R17" s="840"/>
      <c r="S17" s="841"/>
      <c r="T17" s="13"/>
    </row>
    <row r="18" spans="1:21" ht="60" customHeight="1" x14ac:dyDescent="0.2">
      <c r="A18" s="355"/>
      <c r="B18" s="822" t="s">
        <v>379</v>
      </c>
      <c r="C18" s="822"/>
      <c r="D18" s="822"/>
      <c r="E18" s="822"/>
      <c r="F18" s="822"/>
      <c r="G18" s="822"/>
      <c r="H18" s="822"/>
      <c r="I18" s="822"/>
      <c r="J18" s="822"/>
      <c r="K18" s="822"/>
      <c r="L18" s="822"/>
      <c r="M18" s="822"/>
      <c r="N18" s="822"/>
      <c r="O18" s="822"/>
      <c r="P18" s="822"/>
      <c r="Q18" s="822"/>
      <c r="R18" s="822"/>
      <c r="S18" s="822"/>
      <c r="T18" s="822"/>
    </row>
    <row r="19" spans="1:21" ht="11.25" customHeight="1" x14ac:dyDescent="0.2">
      <c r="A19" s="355"/>
      <c r="B19" s="381"/>
      <c r="C19" s="381"/>
      <c r="D19" s="381"/>
      <c r="E19" s="381"/>
      <c r="F19" s="381"/>
      <c r="G19" s="381"/>
      <c r="H19" s="381"/>
      <c r="I19" s="381"/>
      <c r="J19" s="381"/>
      <c r="K19" s="381"/>
      <c r="L19" s="381"/>
      <c r="M19" s="381"/>
      <c r="N19" s="381"/>
      <c r="O19" s="381"/>
      <c r="P19" s="381"/>
      <c r="Q19" s="381"/>
      <c r="R19" s="381"/>
      <c r="S19" s="381"/>
      <c r="T19" s="381"/>
      <c r="U19" s="339"/>
    </row>
    <row r="20" spans="1:21" ht="16.2" x14ac:dyDescent="0.2">
      <c r="A20" s="355"/>
      <c r="B20" s="356"/>
      <c r="C20" s="356"/>
      <c r="D20" s="356"/>
      <c r="E20" s="356"/>
      <c r="F20" s="356"/>
      <c r="G20" s="356"/>
      <c r="H20" s="356"/>
      <c r="I20" s="356"/>
      <c r="J20" s="356"/>
      <c r="K20" s="356"/>
      <c r="L20" s="356"/>
      <c r="M20" s="356"/>
      <c r="N20" s="356"/>
      <c r="O20" s="356"/>
      <c r="P20" s="356"/>
      <c r="Q20" s="356"/>
      <c r="R20" s="356"/>
      <c r="S20" s="356"/>
      <c r="T20" s="356"/>
      <c r="U20" s="357"/>
    </row>
    <row r="21" spans="1:21" ht="16.2" x14ac:dyDescent="0.2">
      <c r="A21" s="355"/>
      <c r="B21" s="356"/>
      <c r="C21" s="356"/>
      <c r="D21" s="356"/>
      <c r="E21" s="356"/>
      <c r="F21" s="356"/>
      <c r="G21" s="356"/>
      <c r="H21" s="356"/>
      <c r="I21" s="356"/>
      <c r="J21" s="356"/>
      <c r="K21" s="356"/>
      <c r="L21" s="356"/>
      <c r="M21" s="356"/>
      <c r="N21" s="356"/>
      <c r="O21" s="356"/>
      <c r="P21" s="356"/>
      <c r="Q21" s="356"/>
      <c r="R21" s="356"/>
      <c r="S21" s="356"/>
      <c r="T21" s="356"/>
      <c r="U21" s="357"/>
    </row>
    <row r="44" spans="7:7" x14ac:dyDescent="0.2">
      <c r="G44" s="529"/>
    </row>
  </sheetData>
  <mergeCells count="17">
    <mergeCell ref="B18:T18"/>
    <mergeCell ref="M8:S8"/>
    <mergeCell ref="M9:S9"/>
    <mergeCell ref="M10:S10"/>
    <mergeCell ref="M17:S17"/>
    <mergeCell ref="M11:S11"/>
    <mergeCell ref="M12:S12"/>
    <mergeCell ref="M13:S13"/>
    <mergeCell ref="M14:S14"/>
    <mergeCell ref="M15:S15"/>
    <mergeCell ref="M16:S16"/>
    <mergeCell ref="M7:S7"/>
    <mergeCell ref="M5:S5"/>
    <mergeCell ref="C4:I4"/>
    <mergeCell ref="A5:B5"/>
    <mergeCell ref="C5:L5"/>
    <mergeCell ref="M6:S6"/>
  </mergeCells>
  <phoneticPr fontId="2"/>
  <dataValidations count="2">
    <dataValidation type="textLength" allowBlank="1" showInputMessage="1" showErrorMessage="1" errorTitle="入力値エラー" error="50文字以内で入力してください｡" sqref="T6:T17" xr:uid="{00000000-0002-0000-1700-000000000000}">
      <formula1>0</formula1>
      <formula2>50</formula2>
    </dataValidation>
    <dataValidation type="textLength" allowBlank="1" showInputMessage="1" showErrorMessage="1" errorTitle="入力値エラー" error="100文字以内で入力してください｡" sqref="B6:B17" xr:uid="{00000000-0002-0000-1700-000001000000}">
      <formula1>0</formula1>
      <formula2>10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pageSetUpPr fitToPage="1"/>
  </sheetPr>
  <dimension ref="A1:U44"/>
  <sheetViews>
    <sheetView showZeros="0" view="pageBreakPreview" zoomScale="60" zoomScaleNormal="85" workbookViewId="0">
      <selection activeCell="T33" sqref="T33"/>
    </sheetView>
  </sheetViews>
  <sheetFormatPr defaultRowHeight="14.4" x14ac:dyDescent="0.2"/>
  <cols>
    <col min="1" max="1" width="3.59765625" style="333" customWidth="1"/>
    <col min="2" max="2" width="35.59765625" style="333" customWidth="1"/>
    <col min="3" max="12" width="2.69921875" style="296" customWidth="1"/>
    <col min="13" max="13" width="2.59765625" style="333" customWidth="1"/>
    <col min="14" max="19" width="2.59765625" style="296" customWidth="1"/>
    <col min="20" max="20" width="35.5" style="333" customWidth="1"/>
    <col min="21" max="21" width="18.59765625" style="333" customWidth="1"/>
    <col min="22" max="16384" width="8.796875" style="333"/>
  </cols>
  <sheetData>
    <row r="1" spans="1:21" ht="12.75" customHeight="1" x14ac:dyDescent="0.2">
      <c r="A1" s="355"/>
      <c r="B1" s="355"/>
      <c r="T1" s="359" t="s">
        <v>258</v>
      </c>
    </row>
    <row r="2" spans="1:21" ht="12.75" customHeight="1" x14ac:dyDescent="0.2">
      <c r="A2" s="355"/>
      <c r="B2" s="360"/>
      <c r="M2" s="337"/>
      <c r="N2" s="379"/>
      <c r="O2" s="379"/>
      <c r="P2" s="379"/>
      <c r="Q2" s="379"/>
      <c r="R2" s="379"/>
      <c r="S2" s="379"/>
      <c r="T2" s="360"/>
      <c r="U2" s="355"/>
    </row>
    <row r="3" spans="1:21" ht="22.5" customHeight="1" thickBot="1" x14ac:dyDescent="0.25">
      <c r="A3" s="339" t="s">
        <v>87</v>
      </c>
      <c r="C3" s="361"/>
      <c r="D3" s="361"/>
      <c r="E3" s="361"/>
      <c r="F3" s="361"/>
      <c r="G3" s="361"/>
      <c r="H3" s="361"/>
      <c r="I3" s="361"/>
      <c r="J3" s="361"/>
      <c r="K3" s="361"/>
      <c r="L3" s="308"/>
      <c r="M3" s="308"/>
      <c r="N3" s="361"/>
      <c r="O3" s="361"/>
      <c r="P3" s="361"/>
      <c r="Q3" s="361"/>
      <c r="R3" s="361"/>
      <c r="S3" s="308"/>
      <c r="T3" s="339"/>
      <c r="U3" s="339"/>
    </row>
    <row r="4" spans="1:21" ht="25.5" customHeight="1" thickBot="1" x14ac:dyDescent="0.25">
      <c r="A4" s="362" t="s">
        <v>213</v>
      </c>
      <c r="B4" s="363"/>
      <c r="C4" s="830" t="s">
        <v>88</v>
      </c>
      <c r="D4" s="831"/>
      <c r="E4" s="831"/>
      <c r="F4" s="831"/>
      <c r="G4" s="831"/>
      <c r="H4" s="831"/>
      <c r="I4" s="832"/>
      <c r="J4" s="380"/>
      <c r="K4" s="364" t="s">
        <v>0</v>
      </c>
      <c r="M4" s="364" t="s">
        <v>1</v>
      </c>
      <c r="T4" s="367"/>
    </row>
    <row r="5" spans="1:21" ht="25.5" customHeight="1" thickBot="1" x14ac:dyDescent="0.25">
      <c r="A5" s="673" t="s">
        <v>34</v>
      </c>
      <c r="B5" s="674"/>
      <c r="C5" s="673" t="s">
        <v>46</v>
      </c>
      <c r="D5" s="677"/>
      <c r="E5" s="677"/>
      <c r="F5" s="677"/>
      <c r="G5" s="677"/>
      <c r="H5" s="677"/>
      <c r="I5" s="677"/>
      <c r="J5" s="677"/>
      <c r="K5" s="677"/>
      <c r="L5" s="674"/>
      <c r="M5" s="833" t="s">
        <v>2</v>
      </c>
      <c r="N5" s="834"/>
      <c r="O5" s="834"/>
      <c r="P5" s="834"/>
      <c r="Q5" s="834"/>
      <c r="R5" s="834"/>
      <c r="S5" s="835"/>
      <c r="T5" s="368" t="s">
        <v>66</v>
      </c>
    </row>
    <row r="6" spans="1:21" ht="29.25" customHeight="1" x14ac:dyDescent="0.2">
      <c r="A6" s="354" t="s">
        <v>117</v>
      </c>
      <c r="B6" s="166"/>
      <c r="C6" s="369"/>
      <c r="D6" s="370"/>
      <c r="E6" s="371"/>
      <c r="F6" s="382"/>
      <c r="G6" s="161"/>
      <c r="H6" s="162"/>
      <c r="I6" s="167"/>
      <c r="J6" s="161"/>
      <c r="K6" s="162"/>
      <c r="L6" s="169"/>
      <c r="M6" s="827" t="s">
        <v>358</v>
      </c>
      <c r="N6" s="828"/>
      <c r="O6" s="828"/>
      <c r="P6" s="828"/>
      <c r="Q6" s="828"/>
      <c r="R6" s="828"/>
      <c r="S6" s="829"/>
      <c r="T6" s="22"/>
    </row>
    <row r="7" spans="1:21" ht="29.25" customHeight="1" x14ac:dyDescent="0.2">
      <c r="A7" s="372" t="s">
        <v>139</v>
      </c>
      <c r="B7" s="9"/>
      <c r="C7" s="373">
        <v>0</v>
      </c>
      <c r="D7" s="374"/>
      <c r="E7" s="375"/>
      <c r="F7" s="376"/>
      <c r="G7" s="374"/>
      <c r="H7" s="375"/>
      <c r="I7" s="376"/>
      <c r="J7" s="374"/>
      <c r="K7" s="375"/>
      <c r="L7" s="377">
        <v>0</v>
      </c>
      <c r="M7" s="836" t="s">
        <v>358</v>
      </c>
      <c r="N7" s="837"/>
      <c r="O7" s="837"/>
      <c r="P7" s="837"/>
      <c r="Q7" s="837"/>
      <c r="R7" s="837"/>
      <c r="S7" s="838"/>
      <c r="T7" s="13"/>
    </row>
    <row r="8" spans="1:21" ht="29.25" customHeight="1" x14ac:dyDescent="0.2">
      <c r="A8" s="372" t="s">
        <v>119</v>
      </c>
      <c r="B8" s="9"/>
      <c r="C8" s="373">
        <v>0</v>
      </c>
      <c r="D8" s="374"/>
      <c r="E8" s="375"/>
      <c r="F8" s="376"/>
      <c r="G8" s="374"/>
      <c r="H8" s="375"/>
      <c r="I8" s="376"/>
      <c r="J8" s="374"/>
      <c r="K8" s="375"/>
      <c r="L8" s="377">
        <v>0</v>
      </c>
      <c r="M8" s="836" t="s">
        <v>358</v>
      </c>
      <c r="N8" s="837"/>
      <c r="O8" s="837"/>
      <c r="P8" s="837"/>
      <c r="Q8" s="837"/>
      <c r="R8" s="837"/>
      <c r="S8" s="838"/>
      <c r="T8" s="13"/>
    </row>
    <row r="9" spans="1:21" ht="29.25" customHeight="1" x14ac:dyDescent="0.2">
      <c r="A9" s="372" t="s">
        <v>121</v>
      </c>
      <c r="B9" s="9"/>
      <c r="C9" s="373">
        <v>0</v>
      </c>
      <c r="D9" s="374"/>
      <c r="E9" s="375"/>
      <c r="F9" s="376"/>
      <c r="G9" s="374"/>
      <c r="H9" s="375"/>
      <c r="I9" s="376"/>
      <c r="J9" s="374"/>
      <c r="K9" s="375"/>
      <c r="L9" s="377">
        <v>0</v>
      </c>
      <c r="M9" s="836" t="s">
        <v>358</v>
      </c>
      <c r="N9" s="837"/>
      <c r="O9" s="837"/>
      <c r="P9" s="837"/>
      <c r="Q9" s="837"/>
      <c r="R9" s="837"/>
      <c r="S9" s="838"/>
      <c r="T9" s="13"/>
    </row>
    <row r="10" spans="1:21" ht="29.25" customHeight="1" x14ac:dyDescent="0.2">
      <c r="A10" s="372" t="s">
        <v>123</v>
      </c>
      <c r="B10" s="9"/>
      <c r="C10" s="373">
        <v>0</v>
      </c>
      <c r="D10" s="374"/>
      <c r="E10" s="375"/>
      <c r="F10" s="376"/>
      <c r="G10" s="374"/>
      <c r="H10" s="375"/>
      <c r="I10" s="376"/>
      <c r="J10" s="374"/>
      <c r="K10" s="375"/>
      <c r="L10" s="377">
        <v>0</v>
      </c>
      <c r="M10" s="836" t="s">
        <v>358</v>
      </c>
      <c r="N10" s="837"/>
      <c r="O10" s="837"/>
      <c r="P10" s="837"/>
      <c r="Q10" s="837"/>
      <c r="R10" s="837"/>
      <c r="S10" s="838"/>
      <c r="T10" s="13"/>
    </row>
    <row r="11" spans="1:21" ht="29.25" customHeight="1" x14ac:dyDescent="0.2">
      <c r="A11" s="372" t="s">
        <v>125</v>
      </c>
      <c r="B11" s="9"/>
      <c r="C11" s="373">
        <v>0</v>
      </c>
      <c r="D11" s="374"/>
      <c r="E11" s="375"/>
      <c r="F11" s="376"/>
      <c r="G11" s="374"/>
      <c r="H11" s="375"/>
      <c r="I11" s="376"/>
      <c r="J11" s="374"/>
      <c r="K11" s="375"/>
      <c r="L11" s="377">
        <v>0</v>
      </c>
      <c r="M11" s="836" t="s">
        <v>358</v>
      </c>
      <c r="N11" s="837"/>
      <c r="O11" s="837"/>
      <c r="P11" s="837"/>
      <c r="Q11" s="837"/>
      <c r="R11" s="837"/>
      <c r="S11" s="838"/>
      <c r="T11" s="13"/>
    </row>
    <row r="12" spans="1:21" ht="29.25" customHeight="1" x14ac:dyDescent="0.2">
      <c r="A12" s="372" t="s">
        <v>127</v>
      </c>
      <c r="B12" s="9"/>
      <c r="C12" s="373">
        <v>0</v>
      </c>
      <c r="D12" s="374"/>
      <c r="E12" s="375"/>
      <c r="F12" s="376"/>
      <c r="G12" s="374"/>
      <c r="H12" s="375"/>
      <c r="I12" s="376"/>
      <c r="J12" s="374"/>
      <c r="K12" s="375"/>
      <c r="L12" s="377">
        <v>0</v>
      </c>
      <c r="M12" s="836" t="s">
        <v>358</v>
      </c>
      <c r="N12" s="837"/>
      <c r="O12" s="837"/>
      <c r="P12" s="837"/>
      <c r="Q12" s="837"/>
      <c r="R12" s="837"/>
      <c r="S12" s="838"/>
      <c r="T12" s="13"/>
    </row>
    <row r="13" spans="1:21" ht="29.25" customHeight="1" x14ac:dyDescent="0.2">
      <c r="A13" s="372" t="s">
        <v>129</v>
      </c>
      <c r="B13" s="9"/>
      <c r="C13" s="373">
        <v>0</v>
      </c>
      <c r="D13" s="374"/>
      <c r="E13" s="375"/>
      <c r="F13" s="376"/>
      <c r="G13" s="374"/>
      <c r="H13" s="375"/>
      <c r="I13" s="376"/>
      <c r="J13" s="374"/>
      <c r="K13" s="375"/>
      <c r="L13" s="377">
        <v>0</v>
      </c>
      <c r="M13" s="836" t="s">
        <v>358</v>
      </c>
      <c r="N13" s="837"/>
      <c r="O13" s="837"/>
      <c r="P13" s="837"/>
      <c r="Q13" s="837"/>
      <c r="R13" s="837"/>
      <c r="S13" s="838"/>
      <c r="T13" s="13"/>
    </row>
    <row r="14" spans="1:21" ht="29.25" customHeight="1" x14ac:dyDescent="0.2">
      <c r="A14" s="372" t="s">
        <v>131</v>
      </c>
      <c r="B14" s="9"/>
      <c r="C14" s="373">
        <v>0</v>
      </c>
      <c r="D14" s="374"/>
      <c r="E14" s="375"/>
      <c r="F14" s="376"/>
      <c r="G14" s="374"/>
      <c r="H14" s="375"/>
      <c r="I14" s="376"/>
      <c r="J14" s="374"/>
      <c r="K14" s="375"/>
      <c r="L14" s="377">
        <v>0</v>
      </c>
      <c r="M14" s="836" t="s">
        <v>358</v>
      </c>
      <c r="N14" s="837"/>
      <c r="O14" s="837"/>
      <c r="P14" s="837"/>
      <c r="Q14" s="837"/>
      <c r="R14" s="837"/>
      <c r="S14" s="838"/>
      <c r="T14" s="13"/>
    </row>
    <row r="15" spans="1:21" ht="29.25" customHeight="1" x14ac:dyDescent="0.2">
      <c r="A15" s="372" t="s">
        <v>133</v>
      </c>
      <c r="B15" s="9"/>
      <c r="C15" s="373"/>
      <c r="D15" s="374"/>
      <c r="E15" s="375"/>
      <c r="F15" s="376"/>
      <c r="G15" s="374"/>
      <c r="H15" s="375"/>
      <c r="I15" s="376"/>
      <c r="J15" s="374"/>
      <c r="K15" s="375"/>
      <c r="L15" s="377"/>
      <c r="M15" s="836" t="s">
        <v>358</v>
      </c>
      <c r="N15" s="837"/>
      <c r="O15" s="837"/>
      <c r="P15" s="837"/>
      <c r="Q15" s="837"/>
      <c r="R15" s="837"/>
      <c r="S15" s="838"/>
      <c r="T15" s="13"/>
    </row>
    <row r="16" spans="1:21" ht="29.25" customHeight="1" x14ac:dyDescent="0.2">
      <c r="A16" s="372" t="s">
        <v>134</v>
      </c>
      <c r="B16" s="9"/>
      <c r="C16" s="373"/>
      <c r="D16" s="374"/>
      <c r="E16" s="375"/>
      <c r="F16" s="376"/>
      <c r="G16" s="374"/>
      <c r="H16" s="375"/>
      <c r="I16" s="376"/>
      <c r="J16" s="374"/>
      <c r="K16" s="375"/>
      <c r="L16" s="377"/>
      <c r="M16" s="836" t="s">
        <v>358</v>
      </c>
      <c r="N16" s="837"/>
      <c r="O16" s="837"/>
      <c r="P16" s="837"/>
      <c r="Q16" s="837"/>
      <c r="R16" s="837"/>
      <c r="S16" s="838"/>
      <c r="T16" s="13"/>
    </row>
    <row r="17" spans="1:21" ht="29.25" customHeight="1" thickBot="1" x14ac:dyDescent="0.25">
      <c r="A17" s="378" t="s">
        <v>135</v>
      </c>
      <c r="B17" s="9"/>
      <c r="C17" s="373"/>
      <c r="D17" s="374"/>
      <c r="E17" s="375"/>
      <c r="F17" s="376"/>
      <c r="G17" s="374"/>
      <c r="H17" s="375"/>
      <c r="I17" s="376"/>
      <c r="J17" s="374"/>
      <c r="K17" s="375"/>
      <c r="L17" s="377"/>
      <c r="M17" s="839" t="s">
        <v>358</v>
      </c>
      <c r="N17" s="840"/>
      <c r="O17" s="840"/>
      <c r="P17" s="840"/>
      <c r="Q17" s="840"/>
      <c r="R17" s="840"/>
      <c r="S17" s="841"/>
      <c r="T17" s="13"/>
    </row>
    <row r="18" spans="1:21" ht="38.25" customHeight="1" x14ac:dyDescent="0.2">
      <c r="A18" s="355"/>
      <c r="B18" s="822" t="s">
        <v>380</v>
      </c>
      <c r="C18" s="822"/>
      <c r="D18" s="822"/>
      <c r="E18" s="822"/>
      <c r="F18" s="822"/>
      <c r="G18" s="822"/>
      <c r="H18" s="822"/>
      <c r="I18" s="822"/>
      <c r="J18" s="822"/>
      <c r="K18" s="822"/>
      <c r="L18" s="822"/>
      <c r="M18" s="822"/>
      <c r="N18" s="822"/>
      <c r="O18" s="822"/>
      <c r="P18" s="822"/>
      <c r="Q18" s="822"/>
      <c r="R18" s="822"/>
      <c r="S18" s="822"/>
      <c r="T18" s="822"/>
    </row>
    <row r="19" spans="1:21" ht="18.75" customHeight="1" x14ac:dyDescent="0.2">
      <c r="A19" s="355"/>
      <c r="B19" s="895"/>
      <c r="C19" s="895"/>
      <c r="D19" s="895"/>
      <c r="E19" s="895"/>
      <c r="F19" s="895"/>
      <c r="G19" s="895"/>
      <c r="H19" s="895"/>
      <c r="I19" s="895"/>
      <c r="J19" s="895"/>
      <c r="K19" s="895"/>
      <c r="L19" s="895"/>
      <c r="M19" s="895"/>
      <c r="N19" s="895"/>
      <c r="O19" s="895"/>
      <c r="P19" s="895"/>
      <c r="Q19" s="895"/>
      <c r="R19" s="895"/>
      <c r="S19" s="895"/>
      <c r="T19" s="895"/>
      <c r="U19" s="339"/>
    </row>
    <row r="20" spans="1:21" ht="16.2" x14ac:dyDescent="0.2">
      <c r="A20" s="355"/>
      <c r="B20" s="356"/>
      <c r="C20" s="356"/>
      <c r="D20" s="356"/>
      <c r="E20" s="356"/>
      <c r="F20" s="356"/>
      <c r="G20" s="356"/>
      <c r="H20" s="356"/>
      <c r="I20" s="356"/>
      <c r="J20" s="356"/>
      <c r="K20" s="356"/>
      <c r="L20" s="356"/>
      <c r="M20" s="356"/>
      <c r="N20" s="356"/>
      <c r="O20" s="356"/>
      <c r="P20" s="356"/>
      <c r="Q20" s="356"/>
      <c r="R20" s="356"/>
      <c r="S20" s="356"/>
      <c r="T20" s="356"/>
      <c r="U20" s="357"/>
    </row>
    <row r="21" spans="1:21" ht="16.2" x14ac:dyDescent="0.2">
      <c r="A21" s="355"/>
      <c r="B21" s="356"/>
      <c r="C21" s="356"/>
      <c r="D21" s="356"/>
      <c r="E21" s="356"/>
      <c r="F21" s="356"/>
      <c r="G21" s="356"/>
      <c r="H21" s="356"/>
      <c r="I21" s="356"/>
      <c r="J21" s="356"/>
      <c r="K21" s="356"/>
      <c r="L21" s="356"/>
      <c r="M21" s="356"/>
      <c r="N21" s="356"/>
      <c r="O21" s="356"/>
      <c r="P21" s="356"/>
      <c r="Q21" s="356"/>
      <c r="R21" s="356"/>
      <c r="S21" s="356"/>
      <c r="T21" s="356"/>
      <c r="U21" s="357"/>
    </row>
    <row r="44" spans="7:7" x14ac:dyDescent="0.2">
      <c r="G44" s="529"/>
    </row>
  </sheetData>
  <mergeCells count="17">
    <mergeCell ref="B18:T19"/>
    <mergeCell ref="M8:S8"/>
    <mergeCell ref="M9:S9"/>
    <mergeCell ref="M10:S10"/>
    <mergeCell ref="M17:S17"/>
    <mergeCell ref="M11:S11"/>
    <mergeCell ref="M12:S12"/>
    <mergeCell ref="M13:S13"/>
    <mergeCell ref="M14:S14"/>
    <mergeCell ref="M15:S15"/>
    <mergeCell ref="M16:S16"/>
    <mergeCell ref="M7:S7"/>
    <mergeCell ref="M5:S5"/>
    <mergeCell ref="C4:I4"/>
    <mergeCell ref="A5:B5"/>
    <mergeCell ref="C5:L5"/>
    <mergeCell ref="M6:S6"/>
  </mergeCells>
  <phoneticPr fontId="2"/>
  <dataValidations count="2">
    <dataValidation type="textLength" allowBlank="1" showInputMessage="1" showErrorMessage="1" errorTitle="入力値エラー" error="50文字以内で入力してください｡" sqref="T6:T17" xr:uid="{00000000-0002-0000-1800-000000000000}">
      <formula1>0</formula1>
      <formula2>50</formula2>
    </dataValidation>
    <dataValidation type="textLength" allowBlank="1" showInputMessage="1" showErrorMessage="1" errorTitle="入力値エラー" error="100文字以内で入力してください｡" sqref="B6:B17" xr:uid="{00000000-0002-0000-1800-000001000000}">
      <formula1>0</formula1>
      <formula2>10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pageSetUpPr fitToPage="1"/>
  </sheetPr>
  <dimension ref="A1:O44"/>
  <sheetViews>
    <sheetView showZeros="0" view="pageBreakPreview" zoomScale="60" zoomScaleNormal="85" workbookViewId="0">
      <selection activeCell="M40" sqref="M40"/>
    </sheetView>
  </sheetViews>
  <sheetFormatPr defaultRowHeight="14.4" x14ac:dyDescent="0.2"/>
  <cols>
    <col min="1" max="1" width="3.59765625" style="333" customWidth="1"/>
    <col min="2" max="2" width="35.59765625" style="333" customWidth="1"/>
    <col min="3" max="3" width="14.09765625" style="337" customWidth="1"/>
    <col min="4" max="13" width="2.69921875" style="296" customWidth="1"/>
    <col min="14" max="14" width="40.09765625" style="333" customWidth="1"/>
    <col min="15" max="15" width="18.59765625" style="333" customWidth="1"/>
    <col min="16" max="16384" width="8.796875" style="333"/>
  </cols>
  <sheetData>
    <row r="1" spans="1:15" ht="12.75" customHeight="1" x14ac:dyDescent="0.2">
      <c r="A1" s="355"/>
      <c r="B1" s="355"/>
      <c r="C1" s="358"/>
      <c r="N1" s="359" t="s">
        <v>257</v>
      </c>
    </row>
    <row r="2" spans="1:15" ht="12.75" customHeight="1" x14ac:dyDescent="0.2">
      <c r="A2" s="355"/>
      <c r="B2" s="360"/>
      <c r="C2" s="339"/>
      <c r="N2" s="360"/>
      <c r="O2" s="355"/>
    </row>
    <row r="3" spans="1:15" ht="22.5" customHeight="1" thickBot="1" x14ac:dyDescent="0.25">
      <c r="A3" s="339" t="s">
        <v>87</v>
      </c>
      <c r="D3" s="361"/>
      <c r="E3" s="361"/>
      <c r="F3" s="361"/>
      <c r="G3" s="361"/>
      <c r="H3" s="361"/>
      <c r="I3" s="361"/>
      <c r="J3" s="361"/>
      <c r="K3" s="361"/>
      <c r="L3" s="361"/>
      <c r="M3" s="308"/>
      <c r="N3" s="339"/>
      <c r="O3" s="339"/>
    </row>
    <row r="4" spans="1:15" ht="25.5" customHeight="1" thickBot="1" x14ac:dyDescent="0.25">
      <c r="A4" s="362" t="s">
        <v>213</v>
      </c>
      <c r="B4" s="363"/>
      <c r="C4" s="830" t="s">
        <v>88</v>
      </c>
      <c r="D4" s="831"/>
      <c r="E4" s="832"/>
      <c r="G4" s="364" t="s">
        <v>3</v>
      </c>
      <c r="I4" s="364" t="s">
        <v>4</v>
      </c>
      <c r="J4" s="365"/>
      <c r="K4" s="365"/>
      <c r="L4" s="365"/>
      <c r="M4" s="366"/>
      <c r="N4" s="367"/>
    </row>
    <row r="5" spans="1:15" ht="25.5" customHeight="1" thickBot="1" x14ac:dyDescent="0.25">
      <c r="A5" s="673" t="s">
        <v>34</v>
      </c>
      <c r="B5" s="677"/>
      <c r="C5" s="674"/>
      <c r="D5" s="673" t="s">
        <v>46</v>
      </c>
      <c r="E5" s="677"/>
      <c r="F5" s="677"/>
      <c r="G5" s="677"/>
      <c r="H5" s="677"/>
      <c r="I5" s="677"/>
      <c r="J5" s="677"/>
      <c r="K5" s="677"/>
      <c r="L5" s="677"/>
      <c r="M5" s="674"/>
      <c r="N5" s="368" t="s">
        <v>66</v>
      </c>
    </row>
    <row r="6" spans="1:15" ht="29.25" customHeight="1" x14ac:dyDescent="0.2">
      <c r="A6" s="354" t="s">
        <v>117</v>
      </c>
      <c r="B6" s="170"/>
      <c r="C6" s="64"/>
      <c r="D6" s="369"/>
      <c r="E6" s="370"/>
      <c r="F6" s="371"/>
      <c r="G6" s="167"/>
      <c r="H6" s="161"/>
      <c r="I6" s="162"/>
      <c r="J6" s="167"/>
      <c r="K6" s="161"/>
      <c r="L6" s="162"/>
      <c r="M6" s="169"/>
      <c r="N6" s="22"/>
    </row>
    <row r="7" spans="1:15" ht="29.25" customHeight="1" x14ac:dyDescent="0.2">
      <c r="A7" s="372" t="s">
        <v>139</v>
      </c>
      <c r="B7" s="46"/>
      <c r="C7" s="47"/>
      <c r="D7" s="373">
        <v>0</v>
      </c>
      <c r="E7" s="374"/>
      <c r="F7" s="375"/>
      <c r="G7" s="376"/>
      <c r="H7" s="374"/>
      <c r="I7" s="375"/>
      <c r="J7" s="376"/>
      <c r="K7" s="374"/>
      <c r="L7" s="375"/>
      <c r="M7" s="377">
        <v>0</v>
      </c>
      <c r="N7" s="13"/>
    </row>
    <row r="8" spans="1:15" ht="29.25" customHeight="1" x14ac:dyDescent="0.2">
      <c r="A8" s="372" t="s">
        <v>119</v>
      </c>
      <c r="B8" s="46"/>
      <c r="C8" s="47"/>
      <c r="D8" s="373">
        <v>0</v>
      </c>
      <c r="E8" s="374"/>
      <c r="F8" s="375"/>
      <c r="G8" s="376"/>
      <c r="H8" s="374"/>
      <c r="I8" s="375"/>
      <c r="J8" s="376"/>
      <c r="K8" s="374"/>
      <c r="L8" s="375"/>
      <c r="M8" s="377">
        <v>0</v>
      </c>
      <c r="N8" s="13"/>
    </row>
    <row r="9" spans="1:15" ht="29.25" customHeight="1" x14ac:dyDescent="0.2">
      <c r="A9" s="372" t="s">
        <v>121</v>
      </c>
      <c r="B9" s="46"/>
      <c r="C9" s="47"/>
      <c r="D9" s="373">
        <v>0</v>
      </c>
      <c r="E9" s="374"/>
      <c r="F9" s="375"/>
      <c r="G9" s="376"/>
      <c r="H9" s="374"/>
      <c r="I9" s="375"/>
      <c r="J9" s="376"/>
      <c r="K9" s="374"/>
      <c r="L9" s="375"/>
      <c r="M9" s="377">
        <v>0</v>
      </c>
      <c r="N9" s="13"/>
    </row>
    <row r="10" spans="1:15" ht="29.25" customHeight="1" x14ac:dyDescent="0.2">
      <c r="A10" s="372" t="s">
        <v>123</v>
      </c>
      <c r="B10" s="46"/>
      <c r="C10" s="47"/>
      <c r="D10" s="373">
        <v>0</v>
      </c>
      <c r="E10" s="374"/>
      <c r="F10" s="375"/>
      <c r="G10" s="376"/>
      <c r="H10" s="374"/>
      <c r="I10" s="375"/>
      <c r="J10" s="376"/>
      <c r="K10" s="374"/>
      <c r="L10" s="375"/>
      <c r="M10" s="377">
        <v>0</v>
      </c>
      <c r="N10" s="13"/>
    </row>
    <row r="11" spans="1:15" ht="29.25" customHeight="1" x14ac:dyDescent="0.2">
      <c r="A11" s="372" t="s">
        <v>125</v>
      </c>
      <c r="B11" s="46"/>
      <c r="C11" s="47"/>
      <c r="D11" s="373">
        <v>0</v>
      </c>
      <c r="E11" s="374"/>
      <c r="F11" s="375"/>
      <c r="G11" s="376"/>
      <c r="H11" s="374"/>
      <c r="I11" s="375"/>
      <c r="J11" s="376"/>
      <c r="K11" s="374"/>
      <c r="L11" s="375"/>
      <c r="M11" s="377">
        <v>0</v>
      </c>
      <c r="N11" s="13"/>
    </row>
    <row r="12" spans="1:15" ht="29.25" customHeight="1" x14ac:dyDescent="0.2">
      <c r="A12" s="372" t="s">
        <v>127</v>
      </c>
      <c r="B12" s="46"/>
      <c r="C12" s="47"/>
      <c r="D12" s="373">
        <v>0</v>
      </c>
      <c r="E12" s="374"/>
      <c r="F12" s="375"/>
      <c r="G12" s="376"/>
      <c r="H12" s="374"/>
      <c r="I12" s="375"/>
      <c r="J12" s="376"/>
      <c r="K12" s="374"/>
      <c r="L12" s="375"/>
      <c r="M12" s="377">
        <v>0</v>
      </c>
      <c r="N12" s="13"/>
    </row>
    <row r="13" spans="1:15" ht="29.25" customHeight="1" x14ac:dyDescent="0.2">
      <c r="A13" s="372" t="s">
        <v>129</v>
      </c>
      <c r="B13" s="46"/>
      <c r="C13" s="47"/>
      <c r="D13" s="373">
        <v>0</v>
      </c>
      <c r="E13" s="374"/>
      <c r="F13" s="375"/>
      <c r="G13" s="376"/>
      <c r="H13" s="374"/>
      <c r="I13" s="375"/>
      <c r="J13" s="376"/>
      <c r="K13" s="374"/>
      <c r="L13" s="375"/>
      <c r="M13" s="377">
        <v>0</v>
      </c>
      <c r="N13" s="13"/>
    </row>
    <row r="14" spans="1:15" ht="29.25" customHeight="1" x14ac:dyDescent="0.2">
      <c r="A14" s="372" t="s">
        <v>131</v>
      </c>
      <c r="B14" s="46"/>
      <c r="C14" s="47"/>
      <c r="D14" s="373">
        <v>0</v>
      </c>
      <c r="E14" s="374"/>
      <c r="F14" s="375"/>
      <c r="G14" s="376"/>
      <c r="H14" s="374"/>
      <c r="I14" s="375"/>
      <c r="J14" s="376"/>
      <c r="K14" s="374"/>
      <c r="L14" s="375"/>
      <c r="M14" s="377">
        <v>0</v>
      </c>
      <c r="N14" s="13"/>
    </row>
    <row r="15" spans="1:15" ht="29.25" customHeight="1" x14ac:dyDescent="0.2">
      <c r="A15" s="372" t="s">
        <v>133</v>
      </c>
      <c r="B15" s="46"/>
      <c r="C15" s="47"/>
      <c r="D15" s="373"/>
      <c r="E15" s="374"/>
      <c r="F15" s="375"/>
      <c r="G15" s="376"/>
      <c r="H15" s="374"/>
      <c r="I15" s="375"/>
      <c r="J15" s="376"/>
      <c r="K15" s="374"/>
      <c r="L15" s="375"/>
      <c r="M15" s="377"/>
      <c r="N15" s="13"/>
    </row>
    <row r="16" spans="1:15" ht="29.25" customHeight="1" x14ac:dyDescent="0.2">
      <c r="A16" s="372" t="s">
        <v>134</v>
      </c>
      <c r="B16" s="46"/>
      <c r="C16" s="47"/>
      <c r="D16" s="373"/>
      <c r="E16" s="374"/>
      <c r="F16" s="375"/>
      <c r="G16" s="376"/>
      <c r="H16" s="374"/>
      <c r="I16" s="375"/>
      <c r="J16" s="376"/>
      <c r="K16" s="374"/>
      <c r="L16" s="375"/>
      <c r="M16" s="377"/>
      <c r="N16" s="13"/>
    </row>
    <row r="17" spans="1:15" ht="29.25" customHeight="1" thickBot="1" x14ac:dyDescent="0.25">
      <c r="A17" s="378" t="s">
        <v>135</v>
      </c>
      <c r="B17" s="46"/>
      <c r="C17" s="47"/>
      <c r="D17" s="373"/>
      <c r="E17" s="374"/>
      <c r="F17" s="375"/>
      <c r="G17" s="376"/>
      <c r="H17" s="374"/>
      <c r="I17" s="375"/>
      <c r="J17" s="376"/>
      <c r="K17" s="374"/>
      <c r="L17" s="375"/>
      <c r="M17" s="377"/>
      <c r="N17" s="13"/>
    </row>
    <row r="18" spans="1:15" ht="62.25" customHeight="1" x14ac:dyDescent="0.2">
      <c r="A18" s="355"/>
      <c r="B18" s="822" t="s">
        <v>381</v>
      </c>
      <c r="C18" s="822"/>
      <c r="D18" s="822"/>
      <c r="E18" s="822"/>
      <c r="F18" s="822"/>
      <c r="G18" s="822"/>
      <c r="H18" s="822"/>
      <c r="I18" s="822"/>
      <c r="J18" s="822"/>
      <c r="K18" s="822"/>
      <c r="L18" s="822"/>
      <c r="M18" s="822"/>
      <c r="N18" s="822"/>
      <c r="O18" s="339"/>
    </row>
    <row r="19" spans="1:15" ht="16.2" x14ac:dyDescent="0.2">
      <c r="A19" s="355"/>
      <c r="B19" s="356"/>
      <c r="C19" s="356"/>
      <c r="D19" s="356"/>
      <c r="E19" s="356"/>
      <c r="F19" s="356"/>
      <c r="G19" s="356"/>
      <c r="H19" s="356"/>
      <c r="I19" s="356"/>
      <c r="J19" s="356"/>
      <c r="K19" s="356"/>
      <c r="L19" s="356"/>
      <c r="M19" s="356"/>
      <c r="N19" s="356"/>
      <c r="O19" s="339"/>
    </row>
    <row r="20" spans="1:15" ht="16.2" x14ac:dyDescent="0.2">
      <c r="A20" s="355"/>
      <c r="B20" s="356"/>
      <c r="C20" s="356"/>
      <c r="D20" s="356"/>
      <c r="E20" s="356"/>
      <c r="F20" s="356"/>
      <c r="G20" s="356"/>
      <c r="H20" s="356"/>
      <c r="I20" s="356"/>
      <c r="J20" s="356"/>
      <c r="K20" s="356"/>
      <c r="L20" s="356"/>
      <c r="M20" s="356"/>
      <c r="N20" s="356"/>
      <c r="O20" s="357"/>
    </row>
    <row r="21" spans="1:15" ht="16.2" x14ac:dyDescent="0.2">
      <c r="A21" s="355"/>
      <c r="B21" s="356"/>
      <c r="C21" s="356"/>
      <c r="D21" s="356"/>
      <c r="E21" s="356"/>
      <c r="F21" s="356"/>
      <c r="G21" s="356"/>
      <c r="H21" s="356"/>
      <c r="I21" s="356"/>
      <c r="J21" s="356"/>
      <c r="K21" s="356"/>
      <c r="L21" s="356"/>
      <c r="M21" s="356"/>
      <c r="N21" s="356"/>
      <c r="O21" s="357"/>
    </row>
    <row r="44" spans="7:7" x14ac:dyDescent="0.2">
      <c r="G44" s="529"/>
    </row>
  </sheetData>
  <mergeCells count="4">
    <mergeCell ref="C4:E4"/>
    <mergeCell ref="A5:C5"/>
    <mergeCell ref="D5:M5"/>
    <mergeCell ref="B18:N18"/>
  </mergeCells>
  <phoneticPr fontId="2"/>
  <dataValidations count="2">
    <dataValidation type="textLength" allowBlank="1" showInputMessage="1" showErrorMessage="1" errorTitle="入力値エラー" error="100文字以内で入力してください｡" sqref="B6:C17" xr:uid="{00000000-0002-0000-1900-000000000000}">
      <formula1>0</formula1>
      <formula2>100</formula2>
    </dataValidation>
    <dataValidation type="textLength" allowBlank="1" showInputMessage="1" showErrorMessage="1" errorTitle="入力値エラー" error="50文字以内で入力してください｡" sqref="N6:N17" xr:uid="{00000000-0002-0000-19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pageSetUpPr fitToPage="1"/>
  </sheetPr>
  <dimension ref="A1:U44"/>
  <sheetViews>
    <sheetView showZeros="0" view="pageBreakPreview" topLeftCell="B3" zoomScale="115" zoomScaleNormal="100" zoomScaleSheetLayoutView="115" workbookViewId="0">
      <selection activeCell="B18" sqref="B18:T18"/>
    </sheetView>
  </sheetViews>
  <sheetFormatPr defaultRowHeight="14.4" x14ac:dyDescent="0.2"/>
  <cols>
    <col min="1" max="1" width="3.59765625" style="333" customWidth="1"/>
    <col min="2" max="2" width="36.59765625" style="333" customWidth="1"/>
    <col min="3" max="12" width="2.69921875" style="296" customWidth="1"/>
    <col min="13" max="13" width="2.59765625" style="333" customWidth="1"/>
    <col min="14" max="19" width="2.59765625" style="296" customWidth="1"/>
    <col min="20" max="20" width="35" style="333" customWidth="1"/>
    <col min="21" max="21" width="18.59765625" style="333" customWidth="1"/>
    <col min="22" max="16384" width="8.796875" style="333"/>
  </cols>
  <sheetData>
    <row r="1" spans="1:21" ht="12.75" customHeight="1" x14ac:dyDescent="0.2">
      <c r="A1" s="355"/>
      <c r="B1" s="355"/>
      <c r="T1" s="359" t="s">
        <v>256</v>
      </c>
    </row>
    <row r="2" spans="1:21" ht="12.75" customHeight="1" x14ac:dyDescent="0.2">
      <c r="A2" s="355"/>
      <c r="B2" s="360"/>
      <c r="M2" s="337"/>
      <c r="N2" s="379"/>
      <c r="O2" s="379"/>
      <c r="P2" s="379"/>
      <c r="Q2" s="379"/>
      <c r="R2" s="379"/>
      <c r="S2" s="379"/>
      <c r="T2" s="360"/>
      <c r="U2" s="355"/>
    </row>
    <row r="3" spans="1:21" ht="22.5" customHeight="1" thickBot="1" x14ac:dyDescent="0.25">
      <c r="A3" s="339" t="s">
        <v>87</v>
      </c>
      <c r="C3" s="361"/>
      <c r="D3" s="361"/>
      <c r="E3" s="361"/>
      <c r="F3" s="361"/>
      <c r="G3" s="361"/>
      <c r="H3" s="361"/>
      <c r="I3" s="361"/>
      <c r="J3" s="361"/>
      <c r="K3" s="361"/>
      <c r="L3" s="308"/>
      <c r="M3" s="308"/>
      <c r="N3" s="361"/>
      <c r="O3" s="361"/>
      <c r="P3" s="361"/>
      <c r="Q3" s="361"/>
      <c r="R3" s="361"/>
      <c r="S3" s="308"/>
      <c r="T3" s="339"/>
      <c r="U3" s="339"/>
    </row>
    <row r="4" spans="1:21" ht="25.5" customHeight="1" thickBot="1" x14ac:dyDescent="0.25">
      <c r="A4" s="362" t="s">
        <v>213</v>
      </c>
      <c r="B4" s="363"/>
      <c r="C4" s="830" t="s">
        <v>88</v>
      </c>
      <c r="D4" s="831"/>
      <c r="E4" s="831"/>
      <c r="F4" s="831"/>
      <c r="G4" s="831"/>
      <c r="H4" s="831"/>
      <c r="I4" s="832"/>
      <c r="J4" s="380"/>
      <c r="K4" s="364" t="s">
        <v>6</v>
      </c>
      <c r="M4" s="364" t="s">
        <v>7</v>
      </c>
      <c r="T4" s="367"/>
    </row>
    <row r="5" spans="1:21" ht="25.5" customHeight="1" thickBot="1" x14ac:dyDescent="0.25">
      <c r="A5" s="673" t="s">
        <v>34</v>
      </c>
      <c r="B5" s="674"/>
      <c r="C5" s="673" t="s">
        <v>46</v>
      </c>
      <c r="D5" s="677"/>
      <c r="E5" s="677"/>
      <c r="F5" s="677"/>
      <c r="G5" s="677"/>
      <c r="H5" s="677"/>
      <c r="I5" s="677"/>
      <c r="J5" s="677"/>
      <c r="K5" s="677"/>
      <c r="L5" s="674"/>
      <c r="M5" s="833" t="s">
        <v>5</v>
      </c>
      <c r="N5" s="834"/>
      <c r="O5" s="834"/>
      <c r="P5" s="834"/>
      <c r="Q5" s="834"/>
      <c r="R5" s="834"/>
      <c r="S5" s="835"/>
      <c r="T5" s="368" t="s">
        <v>66</v>
      </c>
    </row>
    <row r="6" spans="1:21" ht="29.25" customHeight="1" x14ac:dyDescent="0.2">
      <c r="A6" s="354" t="s">
        <v>117</v>
      </c>
      <c r="B6" s="166"/>
      <c r="C6" s="369"/>
      <c r="D6" s="370"/>
      <c r="E6" s="371"/>
      <c r="F6" s="167"/>
      <c r="G6" s="161"/>
      <c r="H6" s="162"/>
      <c r="I6" s="167"/>
      <c r="J6" s="161"/>
      <c r="K6" s="162"/>
      <c r="L6" s="169" t="s">
        <v>394</v>
      </c>
      <c r="M6" s="827" t="s">
        <v>358</v>
      </c>
      <c r="N6" s="828"/>
      <c r="O6" s="828"/>
      <c r="P6" s="828"/>
      <c r="Q6" s="828"/>
      <c r="R6" s="828"/>
      <c r="S6" s="829"/>
      <c r="T6" s="22"/>
    </row>
    <row r="7" spans="1:21" ht="29.25" customHeight="1" x14ac:dyDescent="0.2">
      <c r="A7" s="372" t="s">
        <v>139</v>
      </c>
      <c r="B7" s="9"/>
      <c r="C7" s="373">
        <v>0</v>
      </c>
      <c r="D7" s="374"/>
      <c r="E7" s="375"/>
      <c r="F7" s="376"/>
      <c r="G7" s="374"/>
      <c r="H7" s="375"/>
      <c r="I7" s="376"/>
      <c r="J7" s="374"/>
      <c r="K7" s="375"/>
      <c r="L7" s="377">
        <v>0</v>
      </c>
      <c r="M7" s="836" t="s">
        <v>358</v>
      </c>
      <c r="N7" s="837"/>
      <c r="O7" s="837"/>
      <c r="P7" s="837"/>
      <c r="Q7" s="837"/>
      <c r="R7" s="837"/>
      <c r="S7" s="838"/>
      <c r="T7" s="13"/>
    </row>
    <row r="8" spans="1:21" ht="29.25" customHeight="1" x14ac:dyDescent="0.2">
      <c r="A8" s="372" t="s">
        <v>119</v>
      </c>
      <c r="B8" s="9"/>
      <c r="C8" s="373">
        <v>0</v>
      </c>
      <c r="D8" s="374"/>
      <c r="E8" s="375"/>
      <c r="F8" s="376"/>
      <c r="G8" s="374"/>
      <c r="H8" s="375"/>
      <c r="I8" s="376"/>
      <c r="J8" s="374"/>
      <c r="K8" s="375"/>
      <c r="L8" s="377">
        <v>0</v>
      </c>
      <c r="M8" s="836" t="s">
        <v>358</v>
      </c>
      <c r="N8" s="837"/>
      <c r="O8" s="837"/>
      <c r="P8" s="837"/>
      <c r="Q8" s="837"/>
      <c r="R8" s="837"/>
      <c r="S8" s="838"/>
      <c r="T8" s="13"/>
    </row>
    <row r="9" spans="1:21" ht="29.25" customHeight="1" x14ac:dyDescent="0.2">
      <c r="A9" s="372" t="s">
        <v>121</v>
      </c>
      <c r="B9" s="9"/>
      <c r="C9" s="373">
        <v>0</v>
      </c>
      <c r="D9" s="374"/>
      <c r="E9" s="375"/>
      <c r="F9" s="376"/>
      <c r="G9" s="374"/>
      <c r="H9" s="375"/>
      <c r="I9" s="376"/>
      <c r="J9" s="374"/>
      <c r="K9" s="375"/>
      <c r="L9" s="377">
        <v>0</v>
      </c>
      <c r="M9" s="836" t="s">
        <v>358</v>
      </c>
      <c r="N9" s="837"/>
      <c r="O9" s="837"/>
      <c r="P9" s="837"/>
      <c r="Q9" s="837"/>
      <c r="R9" s="837"/>
      <c r="S9" s="838"/>
      <c r="T9" s="13"/>
    </row>
    <row r="10" spans="1:21" ht="29.25" customHeight="1" x14ac:dyDescent="0.2">
      <c r="A10" s="372" t="s">
        <v>123</v>
      </c>
      <c r="B10" s="9"/>
      <c r="C10" s="373">
        <v>0</v>
      </c>
      <c r="D10" s="374"/>
      <c r="E10" s="375"/>
      <c r="F10" s="376"/>
      <c r="G10" s="374"/>
      <c r="H10" s="375"/>
      <c r="I10" s="376"/>
      <c r="J10" s="374"/>
      <c r="K10" s="375"/>
      <c r="L10" s="377">
        <v>0</v>
      </c>
      <c r="M10" s="836" t="s">
        <v>358</v>
      </c>
      <c r="N10" s="837"/>
      <c r="O10" s="837"/>
      <c r="P10" s="837"/>
      <c r="Q10" s="837"/>
      <c r="R10" s="837"/>
      <c r="S10" s="838"/>
      <c r="T10" s="13"/>
    </row>
    <row r="11" spans="1:21" ht="29.25" customHeight="1" x14ac:dyDescent="0.2">
      <c r="A11" s="372" t="s">
        <v>125</v>
      </c>
      <c r="B11" s="9"/>
      <c r="C11" s="373">
        <v>0</v>
      </c>
      <c r="D11" s="374"/>
      <c r="E11" s="375"/>
      <c r="F11" s="376"/>
      <c r="G11" s="374"/>
      <c r="H11" s="375"/>
      <c r="I11" s="376"/>
      <c r="J11" s="374"/>
      <c r="K11" s="375"/>
      <c r="L11" s="377">
        <v>0</v>
      </c>
      <c r="M11" s="836" t="s">
        <v>358</v>
      </c>
      <c r="N11" s="837"/>
      <c r="O11" s="837"/>
      <c r="P11" s="837"/>
      <c r="Q11" s="837"/>
      <c r="R11" s="837"/>
      <c r="S11" s="838"/>
      <c r="T11" s="13"/>
    </row>
    <row r="12" spans="1:21" ht="29.25" customHeight="1" x14ac:dyDescent="0.2">
      <c r="A12" s="372" t="s">
        <v>127</v>
      </c>
      <c r="B12" s="9"/>
      <c r="C12" s="373">
        <v>0</v>
      </c>
      <c r="D12" s="374"/>
      <c r="E12" s="375"/>
      <c r="F12" s="376"/>
      <c r="G12" s="374"/>
      <c r="H12" s="375"/>
      <c r="I12" s="376"/>
      <c r="J12" s="374"/>
      <c r="K12" s="375"/>
      <c r="L12" s="377">
        <v>0</v>
      </c>
      <c r="M12" s="836" t="s">
        <v>358</v>
      </c>
      <c r="N12" s="837"/>
      <c r="O12" s="837"/>
      <c r="P12" s="837"/>
      <c r="Q12" s="837"/>
      <c r="R12" s="837"/>
      <c r="S12" s="838"/>
      <c r="T12" s="13"/>
    </row>
    <row r="13" spans="1:21" ht="29.25" customHeight="1" x14ac:dyDescent="0.2">
      <c r="A13" s="372" t="s">
        <v>129</v>
      </c>
      <c r="B13" s="9"/>
      <c r="C13" s="373">
        <v>0</v>
      </c>
      <c r="D13" s="374"/>
      <c r="E13" s="375"/>
      <c r="F13" s="376"/>
      <c r="G13" s="374"/>
      <c r="H13" s="375"/>
      <c r="I13" s="376"/>
      <c r="J13" s="374"/>
      <c r="K13" s="375"/>
      <c r="L13" s="377">
        <v>0</v>
      </c>
      <c r="M13" s="836" t="s">
        <v>358</v>
      </c>
      <c r="N13" s="837"/>
      <c r="O13" s="837"/>
      <c r="P13" s="837"/>
      <c r="Q13" s="837"/>
      <c r="R13" s="837"/>
      <c r="S13" s="838"/>
      <c r="T13" s="13"/>
    </row>
    <row r="14" spans="1:21" ht="29.25" customHeight="1" x14ac:dyDescent="0.2">
      <c r="A14" s="372" t="s">
        <v>131</v>
      </c>
      <c r="B14" s="9"/>
      <c r="C14" s="373">
        <v>0</v>
      </c>
      <c r="D14" s="374"/>
      <c r="E14" s="375"/>
      <c r="F14" s="376"/>
      <c r="G14" s="374"/>
      <c r="H14" s="375"/>
      <c r="I14" s="376"/>
      <c r="J14" s="374"/>
      <c r="K14" s="375"/>
      <c r="L14" s="377">
        <v>0</v>
      </c>
      <c r="M14" s="836" t="s">
        <v>358</v>
      </c>
      <c r="N14" s="837"/>
      <c r="O14" s="837"/>
      <c r="P14" s="837"/>
      <c r="Q14" s="837"/>
      <c r="R14" s="837"/>
      <c r="S14" s="838"/>
      <c r="T14" s="13"/>
    </row>
    <row r="15" spans="1:21" ht="29.25" customHeight="1" x14ac:dyDescent="0.2">
      <c r="A15" s="372" t="s">
        <v>133</v>
      </c>
      <c r="B15" s="9"/>
      <c r="C15" s="373"/>
      <c r="D15" s="374"/>
      <c r="E15" s="375"/>
      <c r="F15" s="376"/>
      <c r="G15" s="374"/>
      <c r="H15" s="375"/>
      <c r="I15" s="376"/>
      <c r="J15" s="374"/>
      <c r="K15" s="375"/>
      <c r="L15" s="377"/>
      <c r="M15" s="836" t="s">
        <v>358</v>
      </c>
      <c r="N15" s="837"/>
      <c r="O15" s="837"/>
      <c r="P15" s="837"/>
      <c r="Q15" s="837"/>
      <c r="R15" s="837"/>
      <c r="S15" s="838"/>
      <c r="T15" s="13"/>
    </row>
    <row r="16" spans="1:21" ht="29.25" customHeight="1" x14ac:dyDescent="0.2">
      <c r="A16" s="372" t="s">
        <v>134</v>
      </c>
      <c r="B16" s="9"/>
      <c r="C16" s="373"/>
      <c r="D16" s="374"/>
      <c r="E16" s="375"/>
      <c r="F16" s="376"/>
      <c r="G16" s="374"/>
      <c r="H16" s="375"/>
      <c r="I16" s="376"/>
      <c r="J16" s="374"/>
      <c r="K16" s="375"/>
      <c r="L16" s="377"/>
      <c r="M16" s="836" t="s">
        <v>358</v>
      </c>
      <c r="N16" s="837"/>
      <c r="O16" s="837"/>
      <c r="P16" s="837"/>
      <c r="Q16" s="837"/>
      <c r="R16" s="837"/>
      <c r="S16" s="838"/>
      <c r="T16" s="13"/>
    </row>
    <row r="17" spans="1:21" ht="29.25" customHeight="1" thickBot="1" x14ac:dyDescent="0.25">
      <c r="A17" s="378" t="s">
        <v>135</v>
      </c>
      <c r="B17" s="9"/>
      <c r="C17" s="373"/>
      <c r="D17" s="374"/>
      <c r="E17" s="375"/>
      <c r="F17" s="376"/>
      <c r="G17" s="374"/>
      <c r="H17" s="375"/>
      <c r="I17" s="376"/>
      <c r="J17" s="374"/>
      <c r="K17" s="375"/>
      <c r="L17" s="377"/>
      <c r="M17" s="839" t="s">
        <v>358</v>
      </c>
      <c r="N17" s="840"/>
      <c r="O17" s="840"/>
      <c r="P17" s="840"/>
      <c r="Q17" s="840"/>
      <c r="R17" s="840"/>
      <c r="S17" s="841"/>
      <c r="T17" s="13"/>
    </row>
    <row r="18" spans="1:21" ht="48" customHeight="1" x14ac:dyDescent="0.2">
      <c r="A18" s="355"/>
      <c r="B18" s="822" t="s">
        <v>382</v>
      </c>
      <c r="C18" s="822"/>
      <c r="D18" s="822"/>
      <c r="E18" s="822"/>
      <c r="F18" s="822"/>
      <c r="G18" s="822"/>
      <c r="H18" s="822"/>
      <c r="I18" s="822"/>
      <c r="J18" s="822"/>
      <c r="K18" s="822"/>
      <c r="L18" s="822"/>
      <c r="M18" s="822"/>
      <c r="N18" s="822"/>
      <c r="O18" s="822"/>
      <c r="P18" s="822"/>
      <c r="Q18" s="822"/>
      <c r="R18" s="822"/>
      <c r="S18" s="822"/>
      <c r="T18" s="822"/>
    </row>
    <row r="19" spans="1:21" ht="17.25" customHeight="1" x14ac:dyDescent="0.2">
      <c r="A19" s="355"/>
      <c r="B19" s="381"/>
      <c r="C19" s="381"/>
      <c r="D19" s="381"/>
      <c r="E19" s="381"/>
      <c r="F19" s="381"/>
      <c r="G19" s="381"/>
      <c r="H19" s="381"/>
      <c r="I19" s="381"/>
      <c r="J19" s="381"/>
      <c r="K19" s="381"/>
      <c r="L19" s="381"/>
      <c r="M19" s="381"/>
      <c r="N19" s="381"/>
      <c r="O19" s="381"/>
      <c r="P19" s="381"/>
      <c r="Q19" s="381"/>
      <c r="R19" s="381"/>
      <c r="S19" s="381"/>
      <c r="T19" s="381"/>
      <c r="U19" s="339"/>
    </row>
    <row r="20" spans="1:21" ht="16.2" x14ac:dyDescent="0.2">
      <c r="A20" s="355"/>
      <c r="B20" s="356"/>
      <c r="C20" s="356"/>
      <c r="D20" s="356"/>
      <c r="E20" s="356"/>
      <c r="F20" s="356"/>
      <c r="G20" s="356"/>
      <c r="H20" s="356"/>
      <c r="I20" s="356"/>
      <c r="J20" s="356"/>
      <c r="K20" s="356"/>
      <c r="L20" s="356"/>
      <c r="M20" s="356"/>
      <c r="N20" s="356"/>
      <c r="O20" s="356"/>
      <c r="P20" s="356"/>
      <c r="Q20" s="356"/>
      <c r="R20" s="356"/>
      <c r="S20" s="356"/>
      <c r="T20" s="356"/>
      <c r="U20" s="357"/>
    </row>
    <row r="21" spans="1:21" ht="16.2" x14ac:dyDescent="0.2">
      <c r="A21" s="355"/>
      <c r="B21" s="356"/>
      <c r="C21" s="356"/>
      <c r="D21" s="356"/>
      <c r="E21" s="356"/>
      <c r="F21" s="356"/>
      <c r="G21" s="356"/>
      <c r="H21" s="356"/>
      <c r="I21" s="356"/>
      <c r="J21" s="356"/>
      <c r="K21" s="356"/>
      <c r="L21" s="356"/>
      <c r="M21" s="356"/>
      <c r="N21" s="356"/>
      <c r="O21" s="356"/>
      <c r="P21" s="356"/>
      <c r="Q21" s="356"/>
      <c r="R21" s="356"/>
      <c r="S21" s="356"/>
      <c r="T21" s="356"/>
      <c r="U21" s="357"/>
    </row>
    <row r="44" spans="7:7" x14ac:dyDescent="0.2">
      <c r="G44" s="529"/>
    </row>
  </sheetData>
  <mergeCells count="17">
    <mergeCell ref="B18:T18"/>
    <mergeCell ref="M8:S8"/>
    <mergeCell ref="M9:S9"/>
    <mergeCell ref="M10:S10"/>
    <mergeCell ref="M17:S17"/>
    <mergeCell ref="M11:S11"/>
    <mergeCell ref="M12:S12"/>
    <mergeCell ref="M13:S13"/>
    <mergeCell ref="M14:S14"/>
    <mergeCell ref="M15:S15"/>
    <mergeCell ref="M16:S16"/>
    <mergeCell ref="M7:S7"/>
    <mergeCell ref="M5:S5"/>
    <mergeCell ref="C4:I4"/>
    <mergeCell ref="A5:B5"/>
    <mergeCell ref="C5:L5"/>
    <mergeCell ref="M6:S6"/>
  </mergeCells>
  <phoneticPr fontId="2"/>
  <dataValidations count="2">
    <dataValidation type="textLength" allowBlank="1" showInputMessage="1" showErrorMessage="1" errorTitle="入力値エラー" error="100文字以内で入力してください｡" sqref="B6:B17" xr:uid="{00000000-0002-0000-1A00-000000000000}">
      <formula1>0</formula1>
      <formula2>100</formula2>
    </dataValidation>
    <dataValidation type="textLength" allowBlank="1" showInputMessage="1" showErrorMessage="1" errorTitle="入力値エラー" error="50文字以内で入力してください｡" sqref="T6:T17" xr:uid="{00000000-0002-0000-1A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pageSetUpPr fitToPage="1"/>
  </sheetPr>
  <dimension ref="A1:U44"/>
  <sheetViews>
    <sheetView showZeros="0" view="pageBreakPreview" zoomScale="60" zoomScaleNormal="85" workbookViewId="0">
      <selection activeCell="G24" sqref="G24"/>
    </sheetView>
  </sheetViews>
  <sheetFormatPr defaultRowHeight="14.4" x14ac:dyDescent="0.2"/>
  <cols>
    <col min="1" max="1" width="3.59765625" style="333" customWidth="1"/>
    <col min="2" max="2" width="35.8984375" style="333" customWidth="1"/>
    <col min="3" max="12" width="2.69921875" style="296" customWidth="1"/>
    <col min="13" max="13" width="2.59765625" style="333" customWidth="1"/>
    <col min="14" max="19" width="2.59765625" style="296" customWidth="1"/>
    <col min="20" max="20" width="35.5" style="333" customWidth="1"/>
    <col min="21" max="21" width="18.59765625" style="333" customWidth="1"/>
    <col min="22" max="16384" width="8.796875" style="333"/>
  </cols>
  <sheetData>
    <row r="1" spans="1:21" ht="12.75" customHeight="1" x14ac:dyDescent="0.2">
      <c r="A1" s="355"/>
      <c r="B1" s="355"/>
      <c r="T1" s="359" t="s">
        <v>255</v>
      </c>
    </row>
    <row r="2" spans="1:21" ht="12.75" customHeight="1" x14ac:dyDescent="0.2">
      <c r="A2" s="355"/>
      <c r="B2" s="360"/>
      <c r="M2" s="337"/>
      <c r="N2" s="379"/>
      <c r="O2" s="379"/>
      <c r="P2" s="379"/>
      <c r="Q2" s="379"/>
      <c r="R2" s="379"/>
      <c r="S2" s="379"/>
      <c r="T2" s="360"/>
      <c r="U2" s="355"/>
    </row>
    <row r="3" spans="1:21" ht="22.5" customHeight="1" thickBot="1" x14ac:dyDescent="0.25">
      <c r="A3" s="339" t="s">
        <v>87</v>
      </c>
      <c r="C3" s="361"/>
      <c r="D3" s="361"/>
      <c r="E3" s="361"/>
      <c r="F3" s="361"/>
      <c r="G3" s="361"/>
      <c r="H3" s="361"/>
      <c r="I3" s="361"/>
      <c r="J3" s="361"/>
      <c r="K3" s="361"/>
      <c r="L3" s="308"/>
      <c r="M3" s="308"/>
      <c r="N3" s="361"/>
      <c r="O3" s="361"/>
      <c r="P3" s="361"/>
      <c r="Q3" s="361"/>
      <c r="R3" s="361"/>
      <c r="S3" s="308"/>
      <c r="T3" s="339"/>
      <c r="U3" s="339"/>
    </row>
    <row r="4" spans="1:21" ht="25.5" customHeight="1" thickBot="1" x14ac:dyDescent="0.25">
      <c r="A4" s="362" t="s">
        <v>213</v>
      </c>
      <c r="B4" s="363"/>
      <c r="C4" s="830" t="s">
        <v>88</v>
      </c>
      <c r="D4" s="831"/>
      <c r="E4" s="831"/>
      <c r="F4" s="831"/>
      <c r="G4" s="831"/>
      <c r="H4" s="831"/>
      <c r="I4" s="832"/>
      <c r="J4" s="380"/>
      <c r="K4" s="364" t="s">
        <v>8</v>
      </c>
      <c r="M4" s="364" t="s">
        <v>9</v>
      </c>
      <c r="T4" s="367"/>
    </row>
    <row r="5" spans="1:21" ht="25.5" customHeight="1" thickBot="1" x14ac:dyDescent="0.25">
      <c r="A5" s="673" t="s">
        <v>34</v>
      </c>
      <c r="B5" s="674"/>
      <c r="C5" s="673" t="s">
        <v>46</v>
      </c>
      <c r="D5" s="677"/>
      <c r="E5" s="677"/>
      <c r="F5" s="677"/>
      <c r="G5" s="677"/>
      <c r="H5" s="677"/>
      <c r="I5" s="677"/>
      <c r="J5" s="677"/>
      <c r="K5" s="677"/>
      <c r="L5" s="674"/>
      <c r="M5" s="833" t="s">
        <v>214</v>
      </c>
      <c r="N5" s="834"/>
      <c r="O5" s="834"/>
      <c r="P5" s="834"/>
      <c r="Q5" s="834"/>
      <c r="R5" s="834"/>
      <c r="S5" s="835"/>
      <c r="T5" s="368" t="s">
        <v>66</v>
      </c>
    </row>
    <row r="6" spans="1:21" ht="29.25" customHeight="1" x14ac:dyDescent="0.2">
      <c r="A6" s="354" t="s">
        <v>117</v>
      </c>
      <c r="B6" s="166"/>
      <c r="C6" s="369"/>
      <c r="D6" s="370"/>
      <c r="E6" s="162"/>
      <c r="F6" s="167"/>
      <c r="G6" s="161"/>
      <c r="H6" s="162"/>
      <c r="I6" s="167"/>
      <c r="J6" s="161"/>
      <c r="K6" s="162"/>
      <c r="L6" s="169"/>
      <c r="M6" s="827" t="s">
        <v>358</v>
      </c>
      <c r="N6" s="828"/>
      <c r="O6" s="828"/>
      <c r="P6" s="828"/>
      <c r="Q6" s="828"/>
      <c r="R6" s="828"/>
      <c r="S6" s="829"/>
      <c r="T6" s="172"/>
    </row>
    <row r="7" spans="1:21" ht="29.25" customHeight="1" x14ac:dyDescent="0.2">
      <c r="A7" s="372" t="s">
        <v>139</v>
      </c>
      <c r="B7" s="9"/>
      <c r="C7" s="373">
        <v>0</v>
      </c>
      <c r="D7" s="374"/>
      <c r="E7" s="375"/>
      <c r="F7" s="376"/>
      <c r="G7" s="374"/>
      <c r="H7" s="375"/>
      <c r="I7" s="376"/>
      <c r="J7" s="374"/>
      <c r="K7" s="375"/>
      <c r="L7" s="377">
        <v>0</v>
      </c>
      <c r="M7" s="836" t="s">
        <v>358</v>
      </c>
      <c r="N7" s="837"/>
      <c r="O7" s="837"/>
      <c r="P7" s="837"/>
      <c r="Q7" s="837"/>
      <c r="R7" s="837"/>
      <c r="S7" s="838"/>
      <c r="T7" s="13"/>
    </row>
    <row r="8" spans="1:21" ht="29.25" customHeight="1" x14ac:dyDescent="0.2">
      <c r="A8" s="372" t="s">
        <v>119</v>
      </c>
      <c r="B8" s="9"/>
      <c r="C8" s="373">
        <v>0</v>
      </c>
      <c r="D8" s="374"/>
      <c r="E8" s="375"/>
      <c r="F8" s="376"/>
      <c r="G8" s="374"/>
      <c r="H8" s="375"/>
      <c r="I8" s="376"/>
      <c r="J8" s="374"/>
      <c r="K8" s="375"/>
      <c r="L8" s="377">
        <v>0</v>
      </c>
      <c r="M8" s="836" t="s">
        <v>358</v>
      </c>
      <c r="N8" s="837"/>
      <c r="O8" s="837"/>
      <c r="P8" s="837"/>
      <c r="Q8" s="837"/>
      <c r="R8" s="837"/>
      <c r="S8" s="838"/>
      <c r="T8" s="13"/>
    </row>
    <row r="9" spans="1:21" ht="29.25" customHeight="1" x14ac:dyDescent="0.2">
      <c r="A9" s="372" t="s">
        <v>121</v>
      </c>
      <c r="B9" s="9"/>
      <c r="C9" s="373">
        <v>0</v>
      </c>
      <c r="D9" s="374"/>
      <c r="E9" s="375"/>
      <c r="F9" s="376"/>
      <c r="G9" s="374"/>
      <c r="H9" s="375"/>
      <c r="I9" s="376"/>
      <c r="J9" s="374"/>
      <c r="K9" s="375"/>
      <c r="L9" s="377">
        <v>0</v>
      </c>
      <c r="M9" s="836" t="s">
        <v>358</v>
      </c>
      <c r="N9" s="837"/>
      <c r="O9" s="837"/>
      <c r="P9" s="837"/>
      <c r="Q9" s="837"/>
      <c r="R9" s="837"/>
      <c r="S9" s="838"/>
      <c r="T9" s="13"/>
    </row>
    <row r="10" spans="1:21" ht="29.25" customHeight="1" x14ac:dyDescent="0.2">
      <c r="A10" s="372" t="s">
        <v>123</v>
      </c>
      <c r="B10" s="9"/>
      <c r="C10" s="373">
        <v>0</v>
      </c>
      <c r="D10" s="374"/>
      <c r="E10" s="375"/>
      <c r="F10" s="376"/>
      <c r="G10" s="374"/>
      <c r="H10" s="375"/>
      <c r="I10" s="376"/>
      <c r="J10" s="374"/>
      <c r="K10" s="375"/>
      <c r="L10" s="377">
        <v>0</v>
      </c>
      <c r="M10" s="836" t="s">
        <v>358</v>
      </c>
      <c r="N10" s="837"/>
      <c r="O10" s="837"/>
      <c r="P10" s="837"/>
      <c r="Q10" s="837"/>
      <c r="R10" s="837"/>
      <c r="S10" s="838"/>
      <c r="T10" s="13"/>
    </row>
    <row r="11" spans="1:21" ht="29.25" customHeight="1" x14ac:dyDescent="0.2">
      <c r="A11" s="372" t="s">
        <v>125</v>
      </c>
      <c r="B11" s="9"/>
      <c r="C11" s="373">
        <v>0</v>
      </c>
      <c r="D11" s="374"/>
      <c r="E11" s="375"/>
      <c r="F11" s="376"/>
      <c r="G11" s="374"/>
      <c r="H11" s="375"/>
      <c r="I11" s="376"/>
      <c r="J11" s="374"/>
      <c r="K11" s="375"/>
      <c r="L11" s="377">
        <v>0</v>
      </c>
      <c r="M11" s="836" t="s">
        <v>358</v>
      </c>
      <c r="N11" s="837"/>
      <c r="O11" s="837"/>
      <c r="P11" s="837"/>
      <c r="Q11" s="837"/>
      <c r="R11" s="837"/>
      <c r="S11" s="838"/>
      <c r="T11" s="13"/>
    </row>
    <row r="12" spans="1:21" ht="29.25" customHeight="1" x14ac:dyDescent="0.2">
      <c r="A12" s="372" t="s">
        <v>127</v>
      </c>
      <c r="B12" s="9"/>
      <c r="C12" s="373">
        <v>0</v>
      </c>
      <c r="D12" s="374"/>
      <c r="E12" s="375"/>
      <c r="F12" s="376"/>
      <c r="G12" s="374"/>
      <c r="H12" s="375"/>
      <c r="I12" s="376"/>
      <c r="J12" s="374"/>
      <c r="K12" s="375"/>
      <c r="L12" s="377">
        <v>0</v>
      </c>
      <c r="M12" s="836" t="s">
        <v>358</v>
      </c>
      <c r="N12" s="837"/>
      <c r="O12" s="837"/>
      <c r="P12" s="837"/>
      <c r="Q12" s="837"/>
      <c r="R12" s="837"/>
      <c r="S12" s="838"/>
      <c r="T12" s="13"/>
    </row>
    <row r="13" spans="1:21" ht="29.25" customHeight="1" x14ac:dyDescent="0.2">
      <c r="A13" s="372" t="s">
        <v>129</v>
      </c>
      <c r="B13" s="9"/>
      <c r="C13" s="373">
        <v>0</v>
      </c>
      <c r="D13" s="374"/>
      <c r="E13" s="375"/>
      <c r="F13" s="376"/>
      <c r="G13" s="374"/>
      <c r="H13" s="375"/>
      <c r="I13" s="376"/>
      <c r="J13" s="374"/>
      <c r="K13" s="375"/>
      <c r="L13" s="377">
        <v>0</v>
      </c>
      <c r="M13" s="836" t="s">
        <v>358</v>
      </c>
      <c r="N13" s="837"/>
      <c r="O13" s="837"/>
      <c r="P13" s="837"/>
      <c r="Q13" s="837"/>
      <c r="R13" s="837"/>
      <c r="S13" s="838"/>
      <c r="T13" s="13"/>
    </row>
    <row r="14" spans="1:21" ht="29.25" customHeight="1" x14ac:dyDescent="0.2">
      <c r="A14" s="372" t="s">
        <v>131</v>
      </c>
      <c r="B14" s="9"/>
      <c r="C14" s="373">
        <v>0</v>
      </c>
      <c r="D14" s="374"/>
      <c r="E14" s="375"/>
      <c r="F14" s="376"/>
      <c r="G14" s="374"/>
      <c r="H14" s="375"/>
      <c r="I14" s="376"/>
      <c r="J14" s="374"/>
      <c r="K14" s="375"/>
      <c r="L14" s="377">
        <v>0</v>
      </c>
      <c r="M14" s="836" t="s">
        <v>358</v>
      </c>
      <c r="N14" s="837"/>
      <c r="O14" s="837"/>
      <c r="P14" s="837"/>
      <c r="Q14" s="837"/>
      <c r="R14" s="837"/>
      <c r="S14" s="838"/>
      <c r="T14" s="13"/>
    </row>
    <row r="15" spans="1:21" ht="29.25" customHeight="1" x14ac:dyDescent="0.2">
      <c r="A15" s="372" t="s">
        <v>133</v>
      </c>
      <c r="B15" s="9"/>
      <c r="C15" s="373"/>
      <c r="D15" s="374"/>
      <c r="E15" s="375"/>
      <c r="F15" s="376"/>
      <c r="G15" s="374"/>
      <c r="H15" s="375"/>
      <c r="I15" s="376"/>
      <c r="J15" s="374"/>
      <c r="K15" s="375"/>
      <c r="L15" s="377"/>
      <c r="M15" s="836" t="s">
        <v>358</v>
      </c>
      <c r="N15" s="837"/>
      <c r="O15" s="837"/>
      <c r="P15" s="837"/>
      <c r="Q15" s="837"/>
      <c r="R15" s="837"/>
      <c r="S15" s="838"/>
      <c r="T15" s="13"/>
    </row>
    <row r="16" spans="1:21" ht="29.25" customHeight="1" x14ac:dyDescent="0.2">
      <c r="A16" s="372" t="s">
        <v>134</v>
      </c>
      <c r="B16" s="9"/>
      <c r="C16" s="373"/>
      <c r="D16" s="374"/>
      <c r="E16" s="375"/>
      <c r="F16" s="376"/>
      <c r="G16" s="374"/>
      <c r="H16" s="375"/>
      <c r="I16" s="376"/>
      <c r="J16" s="374"/>
      <c r="K16" s="375"/>
      <c r="L16" s="377"/>
      <c r="M16" s="836" t="s">
        <v>358</v>
      </c>
      <c r="N16" s="837"/>
      <c r="O16" s="837"/>
      <c r="P16" s="837"/>
      <c r="Q16" s="837"/>
      <c r="R16" s="837"/>
      <c r="S16" s="838"/>
      <c r="T16" s="13"/>
    </row>
    <row r="17" spans="1:21" ht="29.25" customHeight="1" thickBot="1" x14ac:dyDescent="0.25">
      <c r="A17" s="378" t="s">
        <v>135</v>
      </c>
      <c r="B17" s="9"/>
      <c r="C17" s="373"/>
      <c r="D17" s="374"/>
      <c r="E17" s="375"/>
      <c r="F17" s="376"/>
      <c r="G17" s="374"/>
      <c r="H17" s="375"/>
      <c r="I17" s="376"/>
      <c r="J17" s="374"/>
      <c r="K17" s="375"/>
      <c r="L17" s="377"/>
      <c r="M17" s="839" t="s">
        <v>358</v>
      </c>
      <c r="N17" s="840"/>
      <c r="O17" s="840"/>
      <c r="P17" s="840"/>
      <c r="Q17" s="840"/>
      <c r="R17" s="840"/>
      <c r="S17" s="841"/>
      <c r="T17" s="13"/>
    </row>
    <row r="18" spans="1:21" ht="60" customHeight="1" x14ac:dyDescent="0.2">
      <c r="A18" s="355"/>
      <c r="B18" s="822" t="s">
        <v>383</v>
      </c>
      <c r="C18" s="822"/>
      <c r="D18" s="822"/>
      <c r="E18" s="822"/>
      <c r="F18" s="822"/>
      <c r="G18" s="822"/>
      <c r="H18" s="822"/>
      <c r="I18" s="822"/>
      <c r="J18" s="822"/>
      <c r="K18" s="822"/>
      <c r="L18" s="822"/>
      <c r="M18" s="822"/>
      <c r="N18" s="822"/>
      <c r="O18" s="822"/>
      <c r="P18" s="822"/>
      <c r="Q18" s="822"/>
      <c r="R18" s="822"/>
      <c r="S18" s="822"/>
      <c r="T18" s="822"/>
    </row>
    <row r="19" spans="1:21" ht="11.25" customHeight="1" x14ac:dyDescent="0.2">
      <c r="A19" s="355"/>
      <c r="B19" s="381"/>
      <c r="C19" s="381"/>
      <c r="D19" s="381"/>
      <c r="E19" s="381"/>
      <c r="F19" s="381"/>
      <c r="G19" s="381"/>
      <c r="H19" s="381"/>
      <c r="I19" s="381"/>
      <c r="J19" s="381"/>
      <c r="K19" s="381"/>
      <c r="L19" s="381"/>
      <c r="M19" s="381"/>
      <c r="N19" s="381"/>
      <c r="O19" s="381"/>
      <c r="P19" s="381"/>
      <c r="Q19" s="381"/>
      <c r="R19" s="381"/>
      <c r="S19" s="381"/>
      <c r="T19" s="381"/>
      <c r="U19" s="339"/>
    </row>
    <row r="20" spans="1:21" ht="16.2" x14ac:dyDescent="0.2">
      <c r="A20" s="355"/>
      <c r="B20" s="356"/>
      <c r="C20" s="356"/>
      <c r="D20" s="356"/>
      <c r="E20" s="356"/>
      <c r="F20" s="356"/>
      <c r="G20" s="356"/>
      <c r="H20" s="356"/>
      <c r="I20" s="356"/>
      <c r="J20" s="356"/>
      <c r="K20" s="356"/>
      <c r="L20" s="356"/>
      <c r="M20" s="356"/>
      <c r="N20" s="356"/>
      <c r="O20" s="356"/>
      <c r="P20" s="356"/>
      <c r="Q20" s="356"/>
      <c r="R20" s="356"/>
      <c r="S20" s="356"/>
      <c r="T20" s="356"/>
      <c r="U20" s="357"/>
    </row>
    <row r="21" spans="1:21" ht="16.2" x14ac:dyDescent="0.2">
      <c r="A21" s="355"/>
      <c r="B21" s="356"/>
      <c r="C21" s="356"/>
      <c r="D21" s="356"/>
      <c r="E21" s="356"/>
      <c r="F21" s="356"/>
      <c r="G21" s="356"/>
      <c r="H21" s="356"/>
      <c r="I21" s="356"/>
      <c r="J21" s="356"/>
      <c r="K21" s="356"/>
      <c r="L21" s="356"/>
      <c r="M21" s="356"/>
      <c r="N21" s="356"/>
      <c r="O21" s="356"/>
      <c r="P21" s="356"/>
      <c r="Q21" s="356"/>
      <c r="R21" s="356"/>
      <c r="S21" s="356"/>
      <c r="T21" s="356"/>
      <c r="U21" s="357"/>
    </row>
    <row r="44" spans="7:7" x14ac:dyDescent="0.2">
      <c r="G44" s="529"/>
    </row>
  </sheetData>
  <mergeCells count="17">
    <mergeCell ref="B18:T18"/>
    <mergeCell ref="M8:S8"/>
    <mergeCell ref="M9:S9"/>
    <mergeCell ref="M10:S10"/>
    <mergeCell ref="M17:S17"/>
    <mergeCell ref="M11:S11"/>
    <mergeCell ref="M12:S12"/>
    <mergeCell ref="M13:S13"/>
    <mergeCell ref="M14:S14"/>
    <mergeCell ref="M15:S15"/>
    <mergeCell ref="M16:S16"/>
    <mergeCell ref="M7:S7"/>
    <mergeCell ref="M5:S5"/>
    <mergeCell ref="C4:I4"/>
    <mergeCell ref="A5:B5"/>
    <mergeCell ref="C5:L5"/>
    <mergeCell ref="M6:S6"/>
  </mergeCells>
  <phoneticPr fontId="2"/>
  <dataValidations count="2">
    <dataValidation type="textLength" allowBlank="1" showInputMessage="1" showErrorMessage="1" errorTitle="入力値エラー" error="100文字以内で入力してください｡" sqref="B6:B17" xr:uid="{00000000-0002-0000-1B00-000000000000}">
      <formula1>0</formula1>
      <formula2>100</formula2>
    </dataValidation>
    <dataValidation type="textLength" allowBlank="1" showInputMessage="1" showErrorMessage="1" errorTitle="入力値エラー" error="50文字以内で入力してください｡" sqref="T6:T17" xr:uid="{00000000-0002-0000-1B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pageSetUpPr fitToPage="1"/>
  </sheetPr>
  <dimension ref="A1:O44"/>
  <sheetViews>
    <sheetView showZeros="0" view="pageBreakPreview" zoomScale="85" zoomScaleNormal="85" zoomScaleSheetLayoutView="85" workbookViewId="0">
      <selection activeCell="K20" sqref="K20"/>
    </sheetView>
  </sheetViews>
  <sheetFormatPr defaultRowHeight="14.4" x14ac:dyDescent="0.2"/>
  <cols>
    <col min="1" max="1" width="3.59765625" style="333" customWidth="1"/>
    <col min="2" max="2" width="35.59765625" style="333" customWidth="1"/>
    <col min="3" max="3" width="14.09765625" style="337" customWidth="1"/>
    <col min="4" max="13" width="2.69921875" style="296" customWidth="1"/>
    <col min="14" max="14" width="40.09765625" style="333" customWidth="1"/>
    <col min="15" max="15" width="18.59765625" style="333" customWidth="1"/>
    <col min="16" max="16384" width="8.796875" style="333"/>
  </cols>
  <sheetData>
    <row r="1" spans="1:15" ht="12.75" customHeight="1" x14ac:dyDescent="0.2">
      <c r="A1" s="355"/>
      <c r="B1" s="355"/>
      <c r="C1" s="358"/>
      <c r="N1" s="359" t="s">
        <v>254</v>
      </c>
    </row>
    <row r="2" spans="1:15" ht="12.75" customHeight="1" x14ac:dyDescent="0.2">
      <c r="A2" s="355"/>
      <c r="B2" s="360"/>
      <c r="C2" s="339"/>
      <c r="N2" s="360"/>
      <c r="O2" s="355"/>
    </row>
    <row r="3" spans="1:15" ht="22.5" customHeight="1" thickBot="1" x14ac:dyDescent="0.25">
      <c r="A3" s="339" t="s">
        <v>87</v>
      </c>
      <c r="D3" s="361"/>
      <c r="E3" s="361"/>
      <c r="F3" s="361"/>
      <c r="G3" s="361"/>
      <c r="H3" s="361"/>
      <c r="I3" s="361"/>
      <c r="J3" s="361"/>
      <c r="K3" s="361"/>
      <c r="L3" s="361"/>
      <c r="M3" s="308"/>
      <c r="N3" s="339"/>
      <c r="O3" s="339"/>
    </row>
    <row r="4" spans="1:15" ht="22.5" customHeight="1" thickBot="1" x14ac:dyDescent="0.25">
      <c r="A4" s="362" t="s">
        <v>213</v>
      </c>
      <c r="B4" s="363"/>
      <c r="C4" s="830" t="s">
        <v>88</v>
      </c>
      <c r="D4" s="831"/>
      <c r="E4" s="832"/>
      <c r="G4" s="364" t="s">
        <v>10</v>
      </c>
      <c r="I4" s="364" t="s">
        <v>11</v>
      </c>
      <c r="J4" s="365"/>
      <c r="K4" s="365"/>
      <c r="L4" s="365"/>
      <c r="M4" s="366"/>
      <c r="N4" s="367"/>
    </row>
    <row r="5" spans="1:15" ht="22.5" customHeight="1" thickBot="1" x14ac:dyDescent="0.25">
      <c r="A5" s="673" t="s">
        <v>34</v>
      </c>
      <c r="B5" s="677"/>
      <c r="C5" s="674"/>
      <c r="D5" s="673" t="s">
        <v>46</v>
      </c>
      <c r="E5" s="677"/>
      <c r="F5" s="677"/>
      <c r="G5" s="677"/>
      <c r="H5" s="677"/>
      <c r="I5" s="677"/>
      <c r="J5" s="677"/>
      <c r="K5" s="677"/>
      <c r="L5" s="677"/>
      <c r="M5" s="674"/>
      <c r="N5" s="368" t="s">
        <v>66</v>
      </c>
    </row>
    <row r="6" spans="1:15" ht="29.25" customHeight="1" x14ac:dyDescent="0.2">
      <c r="A6" s="354" t="s">
        <v>117</v>
      </c>
      <c r="B6" s="170"/>
      <c r="C6" s="64"/>
      <c r="D6" s="369"/>
      <c r="E6" s="370"/>
      <c r="F6" s="371"/>
      <c r="G6" s="167"/>
      <c r="H6" s="161"/>
      <c r="I6" s="162"/>
      <c r="J6" s="167"/>
      <c r="K6" s="161"/>
      <c r="L6" s="162"/>
      <c r="M6" s="169"/>
      <c r="N6" s="22"/>
    </row>
    <row r="7" spans="1:15" ht="29.25" customHeight="1" x14ac:dyDescent="0.2">
      <c r="A7" s="372" t="s">
        <v>139</v>
      </c>
      <c r="B7" s="46"/>
      <c r="C7" s="47"/>
      <c r="D7" s="373">
        <v>0</v>
      </c>
      <c r="E7" s="374"/>
      <c r="F7" s="375"/>
      <c r="G7" s="376"/>
      <c r="H7" s="374"/>
      <c r="I7" s="375"/>
      <c r="J7" s="376"/>
      <c r="K7" s="374"/>
      <c r="L7" s="375"/>
      <c r="M7" s="377">
        <v>0</v>
      </c>
      <c r="N7" s="13"/>
    </row>
    <row r="8" spans="1:15" ht="29.25" customHeight="1" x14ac:dyDescent="0.2">
      <c r="A8" s="372" t="s">
        <v>119</v>
      </c>
      <c r="B8" s="46"/>
      <c r="C8" s="47"/>
      <c r="D8" s="373">
        <v>0</v>
      </c>
      <c r="E8" s="374"/>
      <c r="F8" s="375"/>
      <c r="G8" s="376"/>
      <c r="H8" s="374"/>
      <c r="I8" s="375"/>
      <c r="J8" s="376"/>
      <c r="K8" s="374"/>
      <c r="L8" s="375"/>
      <c r="M8" s="377">
        <v>0</v>
      </c>
      <c r="N8" s="13"/>
    </row>
    <row r="9" spans="1:15" ht="29.25" customHeight="1" x14ac:dyDescent="0.2">
      <c r="A9" s="372" t="s">
        <v>121</v>
      </c>
      <c r="B9" s="46"/>
      <c r="C9" s="47"/>
      <c r="D9" s="373">
        <v>0</v>
      </c>
      <c r="E9" s="374"/>
      <c r="F9" s="375"/>
      <c r="G9" s="376"/>
      <c r="H9" s="374"/>
      <c r="I9" s="375"/>
      <c r="J9" s="376"/>
      <c r="K9" s="374"/>
      <c r="L9" s="375"/>
      <c r="M9" s="377">
        <v>0</v>
      </c>
      <c r="N9" s="13"/>
    </row>
    <row r="10" spans="1:15" ht="29.25" customHeight="1" x14ac:dyDescent="0.2">
      <c r="A10" s="372" t="s">
        <v>123</v>
      </c>
      <c r="B10" s="46"/>
      <c r="C10" s="47"/>
      <c r="D10" s="373">
        <v>0</v>
      </c>
      <c r="E10" s="374"/>
      <c r="F10" s="375"/>
      <c r="G10" s="376"/>
      <c r="H10" s="374"/>
      <c r="I10" s="375"/>
      <c r="J10" s="376"/>
      <c r="K10" s="374"/>
      <c r="L10" s="375"/>
      <c r="M10" s="377">
        <v>0</v>
      </c>
      <c r="N10" s="13"/>
    </row>
    <row r="11" spans="1:15" ht="29.25" customHeight="1" x14ac:dyDescent="0.2">
      <c r="A11" s="372" t="s">
        <v>125</v>
      </c>
      <c r="B11" s="46"/>
      <c r="C11" s="47"/>
      <c r="D11" s="373">
        <v>0</v>
      </c>
      <c r="E11" s="374"/>
      <c r="F11" s="375"/>
      <c r="G11" s="376"/>
      <c r="H11" s="374"/>
      <c r="I11" s="375"/>
      <c r="J11" s="376"/>
      <c r="K11" s="374"/>
      <c r="L11" s="375"/>
      <c r="M11" s="377">
        <v>0</v>
      </c>
      <c r="N11" s="13"/>
    </row>
    <row r="12" spans="1:15" ht="29.25" customHeight="1" x14ac:dyDescent="0.2">
      <c r="A12" s="372" t="s">
        <v>127</v>
      </c>
      <c r="B12" s="46"/>
      <c r="C12" s="47"/>
      <c r="D12" s="373">
        <v>0</v>
      </c>
      <c r="E12" s="374"/>
      <c r="F12" s="375"/>
      <c r="G12" s="376"/>
      <c r="H12" s="374"/>
      <c r="I12" s="375"/>
      <c r="J12" s="376"/>
      <c r="K12" s="374"/>
      <c r="L12" s="375"/>
      <c r="M12" s="377">
        <v>0</v>
      </c>
      <c r="N12" s="13"/>
    </row>
    <row r="13" spans="1:15" ht="29.25" customHeight="1" x14ac:dyDescent="0.2">
      <c r="A13" s="372" t="s">
        <v>129</v>
      </c>
      <c r="B13" s="46"/>
      <c r="C13" s="47"/>
      <c r="D13" s="373">
        <v>0</v>
      </c>
      <c r="E13" s="374"/>
      <c r="F13" s="375"/>
      <c r="G13" s="376"/>
      <c r="H13" s="374"/>
      <c r="I13" s="375"/>
      <c r="J13" s="376"/>
      <c r="K13" s="374"/>
      <c r="L13" s="375"/>
      <c r="M13" s="377">
        <v>0</v>
      </c>
      <c r="N13" s="13"/>
    </row>
    <row r="14" spans="1:15" ht="29.25" customHeight="1" x14ac:dyDescent="0.2">
      <c r="A14" s="372" t="s">
        <v>131</v>
      </c>
      <c r="B14" s="46"/>
      <c r="C14" s="47"/>
      <c r="D14" s="373">
        <v>0</v>
      </c>
      <c r="E14" s="374"/>
      <c r="F14" s="375"/>
      <c r="G14" s="376"/>
      <c r="H14" s="374"/>
      <c r="I14" s="375"/>
      <c r="J14" s="376"/>
      <c r="K14" s="374"/>
      <c r="L14" s="375"/>
      <c r="M14" s="377">
        <v>0</v>
      </c>
      <c r="N14" s="13"/>
    </row>
    <row r="15" spans="1:15" ht="29.25" customHeight="1" x14ac:dyDescent="0.2">
      <c r="A15" s="372" t="s">
        <v>133</v>
      </c>
      <c r="B15" s="46"/>
      <c r="C15" s="47"/>
      <c r="D15" s="373"/>
      <c r="E15" s="374"/>
      <c r="F15" s="375"/>
      <c r="G15" s="376"/>
      <c r="H15" s="374"/>
      <c r="I15" s="375"/>
      <c r="J15" s="376"/>
      <c r="K15" s="374"/>
      <c r="L15" s="375"/>
      <c r="M15" s="377"/>
      <c r="N15" s="13"/>
    </row>
    <row r="16" spans="1:15" ht="29.25" customHeight="1" x14ac:dyDescent="0.2">
      <c r="A16" s="372" t="s">
        <v>134</v>
      </c>
      <c r="B16" s="46"/>
      <c r="C16" s="47"/>
      <c r="D16" s="373"/>
      <c r="E16" s="374"/>
      <c r="F16" s="375"/>
      <c r="G16" s="376"/>
      <c r="H16" s="374"/>
      <c r="I16" s="375"/>
      <c r="J16" s="376"/>
      <c r="K16" s="374"/>
      <c r="L16" s="375"/>
      <c r="M16" s="377"/>
      <c r="N16" s="13"/>
    </row>
    <row r="17" spans="1:15" ht="29.25" customHeight="1" thickBot="1" x14ac:dyDescent="0.25">
      <c r="A17" s="378" t="s">
        <v>135</v>
      </c>
      <c r="B17" s="46"/>
      <c r="C17" s="47"/>
      <c r="D17" s="373"/>
      <c r="E17" s="374"/>
      <c r="F17" s="375"/>
      <c r="G17" s="376"/>
      <c r="H17" s="374"/>
      <c r="I17" s="375"/>
      <c r="J17" s="376"/>
      <c r="K17" s="374"/>
      <c r="L17" s="375"/>
      <c r="M17" s="377"/>
      <c r="N17" s="13"/>
    </row>
    <row r="18" spans="1:15" ht="52.5" customHeight="1" x14ac:dyDescent="0.2">
      <c r="A18" s="355"/>
      <c r="B18" s="822" t="s">
        <v>384</v>
      </c>
      <c r="C18" s="822"/>
      <c r="D18" s="822"/>
      <c r="E18" s="822"/>
      <c r="F18" s="822"/>
      <c r="G18" s="822"/>
      <c r="H18" s="822"/>
      <c r="I18" s="822"/>
      <c r="J18" s="822"/>
      <c r="K18" s="822"/>
      <c r="L18" s="822"/>
      <c r="M18" s="822"/>
      <c r="N18" s="822"/>
      <c r="O18" s="339"/>
    </row>
    <row r="19" spans="1:15" ht="16.2" x14ac:dyDescent="0.2">
      <c r="A19" s="355"/>
      <c r="B19" s="356"/>
      <c r="C19" s="356"/>
      <c r="D19" s="356"/>
      <c r="E19" s="356"/>
      <c r="F19" s="356"/>
      <c r="G19" s="356"/>
      <c r="H19" s="356"/>
      <c r="I19" s="356"/>
      <c r="J19" s="356"/>
      <c r="K19" s="356"/>
      <c r="L19" s="356"/>
      <c r="M19" s="356"/>
      <c r="N19" s="356"/>
      <c r="O19" s="357"/>
    </row>
    <row r="20" spans="1:15" ht="16.2" x14ac:dyDescent="0.2">
      <c r="A20" s="355"/>
      <c r="B20" s="356"/>
      <c r="C20" s="356"/>
      <c r="D20" s="356"/>
      <c r="E20" s="356"/>
      <c r="F20" s="356"/>
      <c r="G20" s="356"/>
      <c r="H20" s="356"/>
      <c r="I20" s="356"/>
      <c r="J20" s="356"/>
      <c r="K20" s="356"/>
      <c r="L20" s="356"/>
      <c r="M20" s="356"/>
      <c r="N20" s="356"/>
      <c r="O20" s="357"/>
    </row>
    <row r="44" spans="7:7" x14ac:dyDescent="0.2">
      <c r="G44" s="529"/>
    </row>
  </sheetData>
  <mergeCells count="4">
    <mergeCell ref="C4:E4"/>
    <mergeCell ref="A5:C5"/>
    <mergeCell ref="D5:M5"/>
    <mergeCell ref="B18:N18"/>
  </mergeCells>
  <phoneticPr fontId="2"/>
  <dataValidations count="2">
    <dataValidation type="textLength" allowBlank="1" showInputMessage="1" showErrorMessage="1" errorTitle="入力値エラー" error="100文字以内で入力してください｡" sqref="B6:C17" xr:uid="{00000000-0002-0000-1C00-000000000000}">
      <formula1>0</formula1>
      <formula2>100</formula2>
    </dataValidation>
    <dataValidation type="textLength" allowBlank="1" showInputMessage="1" showErrorMessage="1" errorTitle="入力値エラー" error="50文字以内で入力してください｡" sqref="N6:N17" xr:uid="{00000000-0002-0000-1C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Q44"/>
  <sheetViews>
    <sheetView showZeros="0" view="pageBreakPreview" zoomScaleNormal="100" zoomScaleSheetLayoutView="100" workbookViewId="0">
      <selection sqref="A1:XFD1048576"/>
    </sheetView>
  </sheetViews>
  <sheetFormatPr defaultColWidth="9" defaultRowHeight="14.4" x14ac:dyDescent="0.2"/>
  <cols>
    <col min="1" max="1" width="3.59765625" style="296" customWidth="1"/>
    <col min="2" max="2" width="35.09765625" style="296" customWidth="1"/>
    <col min="3" max="5" width="2.69921875" style="296" customWidth="1"/>
    <col min="6" max="15" width="3.5" style="296" customWidth="1"/>
    <col min="16" max="16" width="40" style="296" customWidth="1"/>
    <col min="17" max="17" width="20.69921875" style="296" customWidth="1"/>
    <col min="18" max="16384" width="9" style="296"/>
  </cols>
  <sheetData>
    <row r="1" spans="1:16" ht="13.5" customHeight="1" x14ac:dyDescent="0.2">
      <c r="A1" s="293"/>
      <c r="B1" s="293"/>
      <c r="C1" s="293"/>
      <c r="D1" s="293"/>
      <c r="E1" s="293"/>
      <c r="F1" s="293"/>
      <c r="G1" s="293"/>
      <c r="H1" s="293"/>
      <c r="I1" s="293"/>
      <c r="J1" s="293"/>
      <c r="K1" s="293"/>
      <c r="L1" s="293"/>
      <c r="M1" s="293"/>
      <c r="N1" s="293"/>
      <c r="O1" s="293"/>
      <c r="P1" s="496" t="s">
        <v>106</v>
      </c>
    </row>
    <row r="2" spans="1:16" ht="13.5" customHeight="1" thickBot="1" x14ac:dyDescent="0.25">
      <c r="A2" s="293"/>
      <c r="B2" s="297"/>
      <c r="C2" s="297"/>
      <c r="D2" s="297"/>
      <c r="E2" s="297"/>
      <c r="F2" s="297"/>
      <c r="G2" s="297"/>
      <c r="H2" s="297"/>
      <c r="I2" s="297"/>
      <c r="J2" s="297"/>
      <c r="K2" s="297"/>
      <c r="L2" s="297"/>
      <c r="M2" s="297"/>
      <c r="N2" s="297"/>
      <c r="O2" s="297"/>
      <c r="P2" s="297"/>
    </row>
    <row r="3" spans="1:16" ht="25.5" customHeight="1" thickBot="1" x14ac:dyDescent="0.25">
      <c r="A3" s="306" t="s">
        <v>142</v>
      </c>
      <c r="B3" s="404"/>
      <c r="C3" s="404"/>
      <c r="D3" s="404"/>
      <c r="E3" s="404"/>
      <c r="F3" s="404"/>
      <c r="G3" s="404"/>
      <c r="H3" s="404"/>
      <c r="I3" s="404"/>
      <c r="J3" s="404"/>
      <c r="K3" s="404"/>
      <c r="L3" s="404"/>
      <c r="M3" s="404"/>
      <c r="N3" s="404"/>
      <c r="O3" s="207"/>
      <c r="P3" s="312"/>
    </row>
    <row r="4" spans="1:16" ht="25.5" customHeight="1" thickBot="1" x14ac:dyDescent="0.25">
      <c r="A4" s="673" t="s">
        <v>41</v>
      </c>
      <c r="B4" s="674"/>
      <c r="C4" s="673" t="s">
        <v>93</v>
      </c>
      <c r="D4" s="677"/>
      <c r="E4" s="674"/>
      <c r="F4" s="673" t="s">
        <v>46</v>
      </c>
      <c r="G4" s="677"/>
      <c r="H4" s="677"/>
      <c r="I4" s="677"/>
      <c r="J4" s="677"/>
      <c r="K4" s="677"/>
      <c r="L4" s="677"/>
      <c r="M4" s="677"/>
      <c r="N4" s="677"/>
      <c r="O4" s="674"/>
      <c r="P4" s="498" t="s">
        <v>143</v>
      </c>
    </row>
    <row r="5" spans="1:16" ht="30" customHeight="1" x14ac:dyDescent="0.2">
      <c r="A5" s="392" t="s">
        <v>117</v>
      </c>
      <c r="B5" s="117"/>
      <c r="C5" s="42"/>
      <c r="D5" s="48"/>
      <c r="E5" s="45"/>
      <c r="F5" s="315"/>
      <c r="G5" s="121"/>
      <c r="H5" s="95"/>
      <c r="I5" s="316"/>
      <c r="J5" s="96"/>
      <c r="K5" s="95"/>
      <c r="L5" s="316"/>
      <c r="M5" s="96"/>
      <c r="N5" s="95"/>
      <c r="O5" s="319"/>
      <c r="P5" s="119"/>
    </row>
    <row r="6" spans="1:16" ht="30" customHeight="1" x14ac:dyDescent="0.2">
      <c r="A6" s="372" t="s">
        <v>139</v>
      </c>
      <c r="B6" s="118"/>
      <c r="C6" s="43"/>
      <c r="D6" s="49"/>
      <c r="E6" s="46"/>
      <c r="F6" s="415"/>
      <c r="G6" s="122"/>
      <c r="H6" s="97"/>
      <c r="I6" s="98"/>
      <c r="J6" s="99"/>
      <c r="K6" s="100"/>
      <c r="L6" s="101"/>
      <c r="M6" s="99"/>
      <c r="N6" s="100"/>
      <c r="O6" s="102"/>
      <c r="P6" s="120"/>
    </row>
    <row r="7" spans="1:16" ht="30" customHeight="1" x14ac:dyDescent="0.2">
      <c r="A7" s="372" t="s">
        <v>119</v>
      </c>
      <c r="B7" s="118"/>
      <c r="C7" s="44"/>
      <c r="D7" s="50"/>
      <c r="E7" s="47"/>
      <c r="F7" s="373">
        <v>0</v>
      </c>
      <c r="G7" s="374"/>
      <c r="H7" s="375"/>
      <c r="I7" s="101"/>
      <c r="J7" s="99"/>
      <c r="K7" s="100"/>
      <c r="L7" s="101"/>
      <c r="M7" s="99"/>
      <c r="N7" s="100"/>
      <c r="O7" s="102"/>
      <c r="P7" s="120"/>
    </row>
    <row r="8" spans="1:16" ht="30" customHeight="1" x14ac:dyDescent="0.2">
      <c r="A8" s="372" t="s">
        <v>121</v>
      </c>
      <c r="B8" s="9"/>
      <c r="C8" s="44"/>
      <c r="D8" s="50"/>
      <c r="E8" s="47"/>
      <c r="F8" s="373">
        <v>0</v>
      </c>
      <c r="G8" s="374"/>
      <c r="H8" s="375"/>
      <c r="I8" s="376"/>
      <c r="J8" s="374"/>
      <c r="K8" s="375"/>
      <c r="L8" s="376"/>
      <c r="M8" s="374"/>
      <c r="N8" s="375"/>
      <c r="O8" s="377">
        <v>0</v>
      </c>
      <c r="P8" s="13"/>
    </row>
    <row r="9" spans="1:16" ht="30" customHeight="1" x14ac:dyDescent="0.2">
      <c r="A9" s="372" t="s">
        <v>123</v>
      </c>
      <c r="B9" s="9"/>
      <c r="C9" s="44"/>
      <c r="D9" s="50"/>
      <c r="E9" s="47"/>
      <c r="F9" s="373">
        <v>0</v>
      </c>
      <c r="G9" s="374"/>
      <c r="H9" s="375"/>
      <c r="I9" s="376"/>
      <c r="J9" s="374"/>
      <c r="K9" s="375"/>
      <c r="L9" s="376"/>
      <c r="M9" s="374"/>
      <c r="N9" s="375"/>
      <c r="O9" s="377">
        <v>0</v>
      </c>
      <c r="P9" s="13"/>
    </row>
    <row r="10" spans="1:16" ht="30" customHeight="1" x14ac:dyDescent="0.2">
      <c r="A10" s="372" t="s">
        <v>125</v>
      </c>
      <c r="B10" s="9"/>
      <c r="C10" s="44"/>
      <c r="D10" s="50"/>
      <c r="E10" s="47"/>
      <c r="F10" s="373">
        <v>0</v>
      </c>
      <c r="G10" s="374"/>
      <c r="H10" s="375"/>
      <c r="I10" s="376"/>
      <c r="J10" s="374"/>
      <c r="K10" s="375"/>
      <c r="L10" s="376"/>
      <c r="M10" s="374"/>
      <c r="N10" s="375"/>
      <c r="O10" s="377">
        <v>0</v>
      </c>
      <c r="P10" s="13"/>
    </row>
    <row r="11" spans="1:16" ht="30" customHeight="1" x14ac:dyDescent="0.2">
      <c r="A11" s="372" t="s">
        <v>127</v>
      </c>
      <c r="B11" s="9"/>
      <c r="C11" s="44"/>
      <c r="D11" s="50"/>
      <c r="E11" s="47"/>
      <c r="F11" s="373">
        <v>0</v>
      </c>
      <c r="G11" s="374"/>
      <c r="H11" s="375"/>
      <c r="I11" s="376"/>
      <c r="J11" s="374"/>
      <c r="K11" s="375"/>
      <c r="L11" s="376"/>
      <c r="M11" s="374"/>
      <c r="N11" s="375"/>
      <c r="O11" s="377">
        <v>0</v>
      </c>
      <c r="P11" s="13"/>
    </row>
    <row r="12" spans="1:16" ht="30" customHeight="1" x14ac:dyDescent="0.2">
      <c r="A12" s="372" t="s">
        <v>129</v>
      </c>
      <c r="B12" s="9"/>
      <c r="C12" s="44"/>
      <c r="D12" s="50"/>
      <c r="E12" s="47"/>
      <c r="F12" s="373">
        <v>0</v>
      </c>
      <c r="G12" s="374"/>
      <c r="H12" s="375"/>
      <c r="I12" s="376"/>
      <c r="J12" s="374"/>
      <c r="K12" s="375"/>
      <c r="L12" s="376"/>
      <c r="M12" s="374"/>
      <c r="N12" s="375"/>
      <c r="O12" s="377"/>
      <c r="P12" s="13"/>
    </row>
    <row r="13" spans="1:16" ht="30" customHeight="1" x14ac:dyDescent="0.2">
      <c r="A13" s="372" t="s">
        <v>131</v>
      </c>
      <c r="B13" s="9"/>
      <c r="C13" s="44"/>
      <c r="D13" s="50"/>
      <c r="E13" s="47"/>
      <c r="F13" s="373">
        <v>0</v>
      </c>
      <c r="G13" s="374"/>
      <c r="H13" s="375"/>
      <c r="I13" s="376"/>
      <c r="J13" s="374"/>
      <c r="K13" s="375"/>
      <c r="L13" s="376"/>
      <c r="M13" s="374"/>
      <c r="N13" s="375"/>
      <c r="O13" s="377">
        <v>0</v>
      </c>
      <c r="P13" s="13"/>
    </row>
    <row r="14" spans="1:16" ht="30" customHeight="1" x14ac:dyDescent="0.2">
      <c r="A14" s="400">
        <v>10</v>
      </c>
      <c r="B14" s="9"/>
      <c r="C14" s="44"/>
      <c r="D14" s="50"/>
      <c r="E14" s="47"/>
      <c r="F14" s="373">
        <v>0</v>
      </c>
      <c r="G14" s="374"/>
      <c r="H14" s="375"/>
      <c r="I14" s="376"/>
      <c r="J14" s="374"/>
      <c r="K14" s="375"/>
      <c r="L14" s="376"/>
      <c r="M14" s="374"/>
      <c r="N14" s="375"/>
      <c r="O14" s="377">
        <v>0</v>
      </c>
      <c r="P14" s="13"/>
    </row>
    <row r="15" spans="1:16" ht="30" customHeight="1" x14ac:dyDescent="0.2">
      <c r="A15" s="400">
        <v>11</v>
      </c>
      <c r="B15" s="9"/>
      <c r="C15" s="44"/>
      <c r="D15" s="50"/>
      <c r="E15" s="47"/>
      <c r="F15" s="373">
        <v>0</v>
      </c>
      <c r="G15" s="374"/>
      <c r="H15" s="375"/>
      <c r="I15" s="376"/>
      <c r="J15" s="374"/>
      <c r="K15" s="375"/>
      <c r="L15" s="376"/>
      <c r="M15" s="374"/>
      <c r="N15" s="375"/>
      <c r="O15" s="377">
        <v>0</v>
      </c>
      <c r="P15" s="13"/>
    </row>
    <row r="16" spans="1:16" ht="30" customHeight="1" thickBot="1" x14ac:dyDescent="0.25">
      <c r="A16" s="400">
        <v>12</v>
      </c>
      <c r="B16" s="9"/>
      <c r="C16" s="44"/>
      <c r="D16" s="50"/>
      <c r="E16" s="47"/>
      <c r="F16" s="513">
        <v>0</v>
      </c>
      <c r="G16" s="447"/>
      <c r="H16" s="448"/>
      <c r="I16" s="449"/>
      <c r="J16" s="447"/>
      <c r="K16" s="448"/>
      <c r="L16" s="449"/>
      <c r="M16" s="447"/>
      <c r="N16" s="448"/>
      <c r="O16" s="450">
        <v>0</v>
      </c>
      <c r="P16" s="13"/>
    </row>
    <row r="17" spans="1:16" ht="30" customHeight="1" thickBot="1" x14ac:dyDescent="0.25">
      <c r="A17" s="675" t="s">
        <v>330</v>
      </c>
      <c r="B17" s="676"/>
      <c r="C17" s="678"/>
      <c r="D17" s="679"/>
      <c r="E17" s="680"/>
      <c r="F17" s="514"/>
      <c r="G17" s="504"/>
      <c r="H17" s="123"/>
      <c r="I17" s="124"/>
      <c r="J17" s="125"/>
      <c r="K17" s="123"/>
      <c r="L17" s="124"/>
      <c r="M17" s="125"/>
      <c r="N17" s="123"/>
      <c r="O17" s="126"/>
      <c r="P17" s="671" t="s">
        <v>368</v>
      </c>
    </row>
    <row r="18" spans="1:16" ht="30" customHeight="1" thickBot="1" x14ac:dyDescent="0.25">
      <c r="A18" s="673" t="s">
        <v>140</v>
      </c>
      <c r="B18" s="674"/>
      <c r="C18" s="681"/>
      <c r="D18" s="682"/>
      <c r="E18" s="683"/>
      <c r="F18" s="420">
        <v>0</v>
      </c>
      <c r="G18" s="421"/>
      <c r="H18" s="104"/>
      <c r="I18" s="105"/>
      <c r="J18" s="103"/>
      <c r="K18" s="104"/>
      <c r="L18" s="105"/>
      <c r="M18" s="542"/>
      <c r="N18" s="104"/>
      <c r="O18" s="106"/>
      <c r="P18" s="672"/>
    </row>
    <row r="19" spans="1:16" ht="18.75" customHeight="1" x14ac:dyDescent="0.2">
      <c r="P19" s="672"/>
    </row>
    <row r="34" spans="7:17" x14ac:dyDescent="0.2">
      <c r="L34" s="332"/>
      <c r="M34" s="332"/>
      <c r="O34" s="332"/>
      <c r="P34" s="332"/>
      <c r="Q34" s="332"/>
    </row>
    <row r="44" spans="7:17" x14ac:dyDescent="0.2">
      <c r="G44" s="529"/>
    </row>
  </sheetData>
  <mergeCells count="8">
    <mergeCell ref="P17:P19"/>
    <mergeCell ref="A4:B4"/>
    <mergeCell ref="A17:B17"/>
    <mergeCell ref="A18:B18"/>
    <mergeCell ref="F4:O4"/>
    <mergeCell ref="C4:E4"/>
    <mergeCell ref="C17:E17"/>
    <mergeCell ref="C18:E18"/>
  </mergeCells>
  <phoneticPr fontId="2"/>
  <dataValidations count="3">
    <dataValidation type="textLength" allowBlank="1" showInputMessage="1" showErrorMessage="1" errorTitle="入力値エラー" error="100文字以内で入力してください｡" sqref="A17 C5:E17 B5:B16" xr:uid="{00000000-0002-0000-0200-000000000000}">
      <formula1>0</formula1>
      <formula2>100</formula2>
    </dataValidation>
    <dataValidation type="textLength" allowBlank="1" showInputMessage="1" showErrorMessage="1" errorTitle="入力値エラー" error="50文字以内で入力してください｡" sqref="P5:P16" xr:uid="{00000000-0002-0000-0200-000001000000}">
      <formula1>0</formula1>
      <formula2>50</formula2>
    </dataValidation>
    <dataValidation type="whole" imeMode="disabled" allowBlank="1" showInputMessage="1" showErrorMessage="1" errorTitle="入力値エラー" error="数字を入力してください。_x000a_もしくは、12桁以内で入力してください。" sqref="F6:I6" xr:uid="{00000000-0002-0000-0200-000002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pageSetUpPr fitToPage="1"/>
  </sheetPr>
  <dimension ref="A1:M44"/>
  <sheetViews>
    <sheetView showZeros="0" zoomScale="85" workbookViewId="0">
      <selection activeCell="J26" sqref="J26"/>
    </sheetView>
  </sheetViews>
  <sheetFormatPr defaultRowHeight="14.4" x14ac:dyDescent="0.2"/>
  <cols>
    <col min="1" max="1" width="3.59765625" style="333" customWidth="1"/>
    <col min="2" max="2" width="24.09765625" style="333" customWidth="1"/>
    <col min="3" max="3" width="13.09765625" style="337" customWidth="1"/>
    <col min="4" max="4" width="25.59765625" style="337" customWidth="1"/>
    <col min="5" max="6" width="18.09765625" style="337" customWidth="1"/>
    <col min="7" max="7" width="18.09765625" style="333" customWidth="1"/>
    <col min="8" max="8" width="18.59765625" style="333" customWidth="1"/>
    <col min="9" max="16384" width="8.796875" style="333"/>
  </cols>
  <sheetData>
    <row r="1" spans="1:9" ht="13.5" customHeight="1" x14ac:dyDescent="0.2">
      <c r="B1" s="334"/>
      <c r="C1" s="871"/>
      <c r="D1" s="871"/>
      <c r="E1" s="871"/>
      <c r="F1" s="871"/>
      <c r="G1" s="295" t="s">
        <v>253</v>
      </c>
      <c r="H1" s="334"/>
    </row>
    <row r="2" spans="1:9" s="337" customFormat="1" ht="13.5" customHeight="1" x14ac:dyDescent="0.2">
      <c r="A2" s="335"/>
      <c r="B2" s="335"/>
      <c r="C2" s="871"/>
      <c r="D2" s="871"/>
      <c r="E2" s="871"/>
      <c r="F2" s="871"/>
      <c r="G2" s="335"/>
      <c r="H2" s="335"/>
      <c r="I2" s="336"/>
    </row>
    <row r="3" spans="1:9" ht="19.5" customHeight="1" thickBot="1" x14ac:dyDescent="0.25">
      <c r="A3" s="338" t="s">
        <v>354</v>
      </c>
      <c r="G3" s="339"/>
      <c r="H3" s="339"/>
    </row>
    <row r="4" spans="1:9" s="347" customFormat="1" ht="25.5" customHeight="1" thickBot="1" x14ac:dyDescent="0.25">
      <c r="A4" s="340" t="s">
        <v>17</v>
      </c>
      <c r="B4" s="341"/>
      <c r="C4" s="342"/>
      <c r="D4" s="343" t="s">
        <v>88</v>
      </c>
      <c r="E4" s="344"/>
      <c r="F4" s="345"/>
      <c r="G4" s="346"/>
    </row>
    <row r="5" spans="1:9" s="348" customFormat="1" ht="19.5" customHeight="1" thickBot="1" x14ac:dyDescent="0.25">
      <c r="A5" s="751" t="s">
        <v>34</v>
      </c>
      <c r="B5" s="756"/>
      <c r="C5" s="874" t="s">
        <v>19</v>
      </c>
      <c r="D5" s="875"/>
      <c r="E5" s="875"/>
      <c r="F5" s="875"/>
      <c r="G5" s="876"/>
    </row>
    <row r="6" spans="1:9" s="348" customFormat="1" ht="19.5" customHeight="1" thickBot="1" x14ac:dyDescent="0.25">
      <c r="A6" s="872"/>
      <c r="B6" s="873"/>
      <c r="C6" s="877" t="s">
        <v>15</v>
      </c>
      <c r="D6" s="874" t="s">
        <v>21</v>
      </c>
      <c r="E6" s="875"/>
      <c r="F6" s="875"/>
      <c r="G6" s="876"/>
    </row>
    <row r="7" spans="1:9" s="348" customFormat="1" ht="48" customHeight="1" thickBot="1" x14ac:dyDescent="0.25">
      <c r="A7" s="782"/>
      <c r="B7" s="781"/>
      <c r="C7" s="878"/>
      <c r="D7" s="350" t="s">
        <v>239</v>
      </c>
      <c r="E7" s="351" t="s">
        <v>16</v>
      </c>
      <c r="F7" s="352" t="s">
        <v>18</v>
      </c>
      <c r="G7" s="353" t="s">
        <v>20</v>
      </c>
    </row>
    <row r="8" spans="1:9" ht="21" customHeight="1" x14ac:dyDescent="0.2">
      <c r="A8" s="868" t="s">
        <v>117</v>
      </c>
      <c r="B8" s="869"/>
      <c r="C8" s="870"/>
      <c r="D8" s="68"/>
      <c r="E8" s="12"/>
      <c r="F8" s="12"/>
      <c r="G8" s="22"/>
    </row>
    <row r="9" spans="1:9" ht="21" customHeight="1" x14ac:dyDescent="0.2">
      <c r="A9" s="857"/>
      <c r="B9" s="851"/>
      <c r="C9" s="854"/>
      <c r="D9" s="24"/>
      <c r="E9" s="24"/>
      <c r="F9" s="24"/>
      <c r="G9" s="13"/>
    </row>
    <row r="10" spans="1:9" ht="21" customHeight="1" x14ac:dyDescent="0.2">
      <c r="A10" s="858"/>
      <c r="B10" s="852"/>
      <c r="C10" s="855"/>
      <c r="D10" s="24"/>
      <c r="E10" s="24"/>
      <c r="F10" s="24"/>
      <c r="G10" s="13"/>
    </row>
    <row r="11" spans="1:9" ht="21" customHeight="1" x14ac:dyDescent="0.2">
      <c r="A11" s="856" t="s">
        <v>12</v>
      </c>
      <c r="B11" s="850"/>
      <c r="C11" s="853"/>
      <c r="D11" s="180"/>
      <c r="E11" s="173"/>
      <c r="F11" s="173"/>
      <c r="G11" s="175"/>
    </row>
    <row r="12" spans="1:9" ht="21" customHeight="1" x14ac:dyDescent="0.2">
      <c r="A12" s="857"/>
      <c r="B12" s="851"/>
      <c r="C12" s="854"/>
      <c r="D12" s="179"/>
      <c r="E12" s="174"/>
      <c r="F12" s="174"/>
      <c r="G12" s="13"/>
    </row>
    <row r="13" spans="1:9" ht="21" customHeight="1" x14ac:dyDescent="0.2">
      <c r="A13" s="858"/>
      <c r="B13" s="852"/>
      <c r="C13" s="855"/>
      <c r="D13" s="179"/>
      <c r="E13" s="24"/>
      <c r="F13" s="24"/>
      <c r="G13" s="13"/>
    </row>
    <row r="14" spans="1:9" ht="21" customHeight="1" x14ac:dyDescent="0.2">
      <c r="A14" s="847" t="s">
        <v>13</v>
      </c>
      <c r="B14" s="850"/>
      <c r="C14" s="853"/>
      <c r="D14" s="180"/>
      <c r="E14" s="173"/>
      <c r="F14" s="173"/>
      <c r="G14" s="175"/>
    </row>
    <row r="15" spans="1:9" ht="21" customHeight="1" x14ac:dyDescent="0.2">
      <c r="A15" s="848"/>
      <c r="B15" s="851"/>
      <c r="C15" s="854"/>
      <c r="D15" s="180"/>
      <c r="E15" s="174"/>
      <c r="F15" s="173"/>
      <c r="G15" s="175"/>
    </row>
    <row r="16" spans="1:9" ht="21" customHeight="1" x14ac:dyDescent="0.2">
      <c r="A16" s="849"/>
      <c r="B16" s="852"/>
      <c r="C16" s="855"/>
      <c r="D16" s="180"/>
      <c r="E16" s="174"/>
      <c r="F16" s="173"/>
      <c r="G16" s="175"/>
    </row>
    <row r="17" spans="1:13" ht="21" customHeight="1" x14ac:dyDescent="0.2">
      <c r="A17" s="856" t="s">
        <v>14</v>
      </c>
      <c r="B17" s="859"/>
      <c r="C17" s="862"/>
      <c r="D17" s="24"/>
      <c r="E17" s="24"/>
      <c r="F17" s="24"/>
      <c r="G17" s="13"/>
    </row>
    <row r="18" spans="1:13" ht="21" customHeight="1" x14ac:dyDescent="0.2">
      <c r="A18" s="857"/>
      <c r="B18" s="860"/>
      <c r="C18" s="863"/>
      <c r="D18" s="24"/>
      <c r="E18" s="24"/>
      <c r="F18" s="24"/>
      <c r="G18" s="13"/>
      <c r="M18" s="533"/>
    </row>
    <row r="19" spans="1:13" ht="21" customHeight="1" x14ac:dyDescent="0.2">
      <c r="A19" s="858"/>
      <c r="B19" s="861"/>
      <c r="C19" s="864"/>
      <c r="D19" s="24"/>
      <c r="E19" s="24"/>
      <c r="F19" s="24"/>
      <c r="G19" s="13"/>
    </row>
    <row r="20" spans="1:13" ht="21" customHeight="1" x14ac:dyDescent="0.2">
      <c r="A20" s="856" t="s">
        <v>124</v>
      </c>
      <c r="B20" s="859"/>
      <c r="C20" s="862"/>
      <c r="D20" s="24"/>
      <c r="E20" s="24"/>
      <c r="F20" s="24"/>
      <c r="G20" s="13"/>
    </row>
    <row r="21" spans="1:13" ht="21" customHeight="1" x14ac:dyDescent="0.2">
      <c r="A21" s="857"/>
      <c r="B21" s="860"/>
      <c r="C21" s="863"/>
      <c r="D21" s="24"/>
      <c r="E21" s="24"/>
      <c r="F21" s="24"/>
      <c r="G21" s="13"/>
    </row>
    <row r="22" spans="1:13" ht="21" customHeight="1" thickBot="1" x14ac:dyDescent="0.25">
      <c r="A22" s="865"/>
      <c r="B22" s="866"/>
      <c r="C22" s="867"/>
      <c r="D22" s="14"/>
      <c r="E22" s="14"/>
      <c r="F22" s="14"/>
      <c r="G22" s="14"/>
    </row>
    <row r="23" spans="1:13" ht="35.25" customHeight="1" x14ac:dyDescent="0.2">
      <c r="A23" s="355"/>
      <c r="B23" s="822" t="s">
        <v>385</v>
      </c>
      <c r="C23" s="822"/>
      <c r="D23" s="822"/>
      <c r="E23" s="822"/>
      <c r="F23" s="822"/>
      <c r="G23" s="822"/>
      <c r="H23" s="339"/>
    </row>
    <row r="24" spans="1:13" ht="16.2" x14ac:dyDescent="0.2">
      <c r="A24" s="355"/>
      <c r="B24" s="356"/>
      <c r="C24" s="356"/>
      <c r="D24" s="356"/>
      <c r="E24" s="356"/>
      <c r="F24" s="356"/>
      <c r="G24" s="356"/>
      <c r="H24" s="339"/>
    </row>
    <row r="25" spans="1:13" ht="16.2" x14ac:dyDescent="0.2">
      <c r="A25" s="355"/>
      <c r="B25" s="356"/>
      <c r="C25" s="356"/>
      <c r="D25" s="356"/>
      <c r="E25" s="356"/>
      <c r="F25" s="356"/>
      <c r="G25" s="356"/>
      <c r="H25" s="357"/>
    </row>
    <row r="26" spans="1:13" ht="16.2" x14ac:dyDescent="0.2">
      <c r="A26" s="355"/>
      <c r="B26" s="356"/>
      <c r="C26" s="356"/>
      <c r="D26" s="356"/>
      <c r="E26" s="356"/>
      <c r="F26" s="356"/>
      <c r="G26" s="356"/>
      <c r="H26" s="357"/>
    </row>
    <row r="44" spans="7:7" x14ac:dyDescent="0.2">
      <c r="G44" s="427"/>
    </row>
  </sheetData>
  <mergeCells count="21">
    <mergeCell ref="C1:F2"/>
    <mergeCell ref="A5:B7"/>
    <mergeCell ref="C5:G5"/>
    <mergeCell ref="C6:C7"/>
    <mergeCell ref="D6:G6"/>
    <mergeCell ref="A8:A10"/>
    <mergeCell ref="B8:B10"/>
    <mergeCell ref="C8:C10"/>
    <mergeCell ref="A11:A13"/>
    <mergeCell ref="B11:B13"/>
    <mergeCell ref="C11:C13"/>
    <mergeCell ref="A14:A16"/>
    <mergeCell ref="B14:B16"/>
    <mergeCell ref="C14:C16"/>
    <mergeCell ref="B23:G23"/>
    <mergeCell ref="A17:A19"/>
    <mergeCell ref="B17:B19"/>
    <mergeCell ref="C17:C19"/>
    <mergeCell ref="A20:A22"/>
    <mergeCell ref="B20:B22"/>
    <mergeCell ref="C20:C22"/>
  </mergeCells>
  <phoneticPr fontId="2"/>
  <dataValidations disablePrompts="1" count="2">
    <dataValidation type="textLength" allowBlank="1" showInputMessage="1" showErrorMessage="1" errorTitle="入力値エラー" error="100文字以内で入力してください｡" sqref="B11:C20 B8:C8 D8:F22" xr:uid="{00000000-0002-0000-1D00-000000000000}">
      <formula1>0</formula1>
      <formula2>100</formula2>
    </dataValidation>
    <dataValidation type="textLength" allowBlank="1" showInputMessage="1" showErrorMessage="1" errorTitle="入力値エラー" error="50文字以内で入力してください｡" sqref="G8:G22" xr:uid="{00000000-0002-0000-1D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pageSetUpPr fitToPage="1"/>
  </sheetPr>
  <dimension ref="A1:M44"/>
  <sheetViews>
    <sheetView tabSelected="1" view="pageBreakPreview" topLeftCell="A2" zoomScaleNormal="100" zoomScaleSheetLayoutView="100" workbookViewId="0">
      <selection activeCell="G13" sqref="G13"/>
    </sheetView>
  </sheetViews>
  <sheetFormatPr defaultRowHeight="14.4" x14ac:dyDescent="0.2"/>
  <cols>
    <col min="1" max="1" width="5.5" customWidth="1"/>
    <col min="2" max="2" width="3.19921875" customWidth="1"/>
    <col min="3" max="3" width="3.09765625" style="62" customWidth="1"/>
    <col min="4" max="4" width="39.09765625" style="62" customWidth="1"/>
    <col min="5" max="5" width="1.59765625" style="62" customWidth="1"/>
    <col min="6" max="6" width="18.69921875" style="62" customWidth="1"/>
    <col min="7" max="7" width="36.59765625" style="62" customWidth="1"/>
    <col min="8" max="8" width="6.09765625" style="62" customWidth="1"/>
    <col min="9" max="9" width="5.5" customWidth="1"/>
    <col min="10" max="10" width="0.59765625" customWidth="1"/>
  </cols>
  <sheetData>
    <row r="1" spans="1:11" ht="13.5" customHeight="1" x14ac:dyDescent="0.2">
      <c r="B1" s="58"/>
      <c r="C1" s="58"/>
      <c r="D1" s="879" t="s">
        <v>269</v>
      </c>
      <c r="E1" s="879"/>
      <c r="F1" s="879"/>
      <c r="G1" s="879"/>
      <c r="H1" s="889" t="s">
        <v>307</v>
      </c>
      <c r="I1" s="889"/>
      <c r="J1" s="889"/>
    </row>
    <row r="2" spans="1:11" s="62" customFormat="1" ht="41.25" customHeight="1" thickBot="1" x14ac:dyDescent="0.25">
      <c r="A2" s="59"/>
      <c r="B2" s="59"/>
      <c r="C2" s="58"/>
      <c r="D2" s="880"/>
      <c r="E2" s="880"/>
      <c r="F2" s="880"/>
      <c r="G2" s="880"/>
      <c r="H2" s="58"/>
      <c r="I2" s="894"/>
      <c r="J2" s="894"/>
      <c r="K2" s="65"/>
    </row>
    <row r="3" spans="1:11" s="32" customFormat="1" ht="19.5" customHeight="1" x14ac:dyDescent="0.2">
      <c r="A3" s="5"/>
      <c r="B3" s="69"/>
      <c r="C3" s="69"/>
      <c r="D3" s="70"/>
      <c r="E3" s="70"/>
      <c r="F3" s="66"/>
      <c r="G3" s="66"/>
      <c r="H3" s="66"/>
      <c r="I3" s="892"/>
      <c r="J3" s="893"/>
    </row>
    <row r="4" spans="1:11" s="83" customFormat="1" ht="30" customHeight="1" x14ac:dyDescent="0.2">
      <c r="A4" s="82"/>
      <c r="B4" s="65" t="s">
        <v>25</v>
      </c>
      <c r="C4" s="87"/>
      <c r="D4" s="87"/>
      <c r="E4" s="87"/>
      <c r="F4" s="87"/>
      <c r="G4" s="87"/>
      <c r="H4" s="87"/>
      <c r="I4" s="884"/>
      <c r="J4" s="884"/>
    </row>
    <row r="5" spans="1:11" s="83" customFormat="1" ht="13.5" customHeight="1" x14ac:dyDescent="0.2">
      <c r="A5" s="82"/>
      <c r="B5" s="65"/>
      <c r="C5" s="87"/>
      <c r="D5" s="87"/>
      <c r="E5" s="87"/>
      <c r="F5" s="87"/>
      <c r="G5" s="87"/>
      <c r="H5" s="87"/>
      <c r="I5" s="884"/>
      <c r="J5" s="884"/>
    </row>
    <row r="6" spans="1:11" s="83" customFormat="1" ht="30" customHeight="1" x14ac:dyDescent="0.2">
      <c r="A6" s="82"/>
      <c r="B6" s="65"/>
      <c r="C6" s="88" t="s">
        <v>279</v>
      </c>
      <c r="D6" s="881" t="s">
        <v>22</v>
      </c>
      <c r="E6" s="881"/>
      <c r="F6" s="881"/>
      <c r="G6" s="89"/>
      <c r="H6" s="90"/>
      <c r="I6" s="891"/>
      <c r="J6" s="891"/>
    </row>
    <row r="7" spans="1:11" s="83" customFormat="1" ht="8.25" customHeight="1" x14ac:dyDescent="0.2">
      <c r="A7" s="82"/>
      <c r="B7" s="65"/>
      <c r="C7" s="88"/>
      <c r="D7" s="218"/>
      <c r="E7" s="218"/>
      <c r="F7" s="218"/>
      <c r="G7" s="89"/>
      <c r="H7" s="90"/>
      <c r="I7" s="891"/>
      <c r="J7" s="891"/>
    </row>
    <row r="8" spans="1:11" s="83" customFormat="1" ht="30" customHeight="1" x14ac:dyDescent="0.2">
      <c r="A8" s="82"/>
      <c r="B8" s="65"/>
      <c r="C8" s="88" t="s">
        <v>282</v>
      </c>
      <c r="D8" s="248" t="s">
        <v>308</v>
      </c>
      <c r="E8" s="248"/>
      <c r="F8" s="248"/>
      <c r="G8" s="89"/>
      <c r="H8" s="90"/>
      <c r="I8" s="891"/>
      <c r="J8" s="891"/>
    </row>
    <row r="9" spans="1:11" s="83" customFormat="1" ht="12.75" customHeight="1" x14ac:dyDescent="0.2">
      <c r="A9" s="84"/>
      <c r="B9" s="91"/>
      <c r="C9" s="91"/>
      <c r="D9" s="92"/>
      <c r="E9" s="92"/>
      <c r="F9" s="91"/>
      <c r="G9" s="91"/>
      <c r="H9" s="91"/>
      <c r="I9" s="890"/>
      <c r="J9" s="890"/>
    </row>
    <row r="10" spans="1:11" s="83" customFormat="1" ht="30" customHeight="1" x14ac:dyDescent="0.2">
      <c r="A10" s="84"/>
      <c r="B10" s="91"/>
      <c r="C10" s="91"/>
      <c r="D10" s="882" t="s">
        <v>23</v>
      </c>
      <c r="E10" s="882"/>
      <c r="F10" s="882"/>
      <c r="G10" s="882"/>
      <c r="H10" s="882"/>
      <c r="I10" s="890"/>
      <c r="J10" s="890"/>
    </row>
    <row r="11" spans="1:11" s="83" customFormat="1" ht="21.75" customHeight="1" x14ac:dyDescent="0.2">
      <c r="A11" s="84"/>
      <c r="B11" s="85"/>
      <c r="C11" s="85"/>
      <c r="D11" s="86"/>
      <c r="E11" s="86"/>
      <c r="F11" s="86"/>
      <c r="G11" s="86"/>
      <c r="H11" s="86"/>
      <c r="I11" s="890"/>
      <c r="J11" s="890"/>
    </row>
    <row r="12" spans="1:11" ht="24" customHeight="1" x14ac:dyDescent="0.2">
      <c r="A12" s="76"/>
      <c r="B12" s="72"/>
      <c r="C12" s="72"/>
      <c r="D12" s="72"/>
      <c r="E12" s="72"/>
      <c r="F12" s="72"/>
      <c r="G12" s="279" t="s">
        <v>395</v>
      </c>
      <c r="H12" s="72"/>
      <c r="I12" s="886"/>
      <c r="J12" s="886"/>
    </row>
    <row r="13" spans="1:11" ht="24" customHeight="1" x14ac:dyDescent="0.2">
      <c r="A13" s="76"/>
      <c r="B13" s="72"/>
      <c r="C13" s="72"/>
      <c r="D13" s="72"/>
      <c r="E13" s="72"/>
      <c r="F13" s="72"/>
      <c r="G13" s="81"/>
      <c r="H13" s="72"/>
      <c r="I13" s="886"/>
      <c r="J13" s="886"/>
    </row>
    <row r="14" spans="1:11" ht="24" customHeight="1" x14ac:dyDescent="0.2">
      <c r="A14" s="76"/>
      <c r="B14" s="72"/>
      <c r="C14" s="72"/>
      <c r="D14" s="72"/>
      <c r="E14" s="72"/>
      <c r="F14" s="80" t="s">
        <v>94</v>
      </c>
      <c r="G14" s="170"/>
      <c r="H14" s="64"/>
      <c r="I14" s="886"/>
      <c r="J14" s="886"/>
    </row>
    <row r="15" spans="1:11" ht="24" customHeight="1" x14ac:dyDescent="0.2">
      <c r="A15" s="76"/>
      <c r="B15" s="72"/>
      <c r="C15" s="72"/>
      <c r="D15" s="72"/>
      <c r="E15" s="72"/>
      <c r="F15" s="80"/>
      <c r="G15" s="72"/>
      <c r="H15" s="72"/>
      <c r="I15" s="886"/>
      <c r="J15" s="886"/>
    </row>
    <row r="16" spans="1:11" ht="24" customHeight="1" x14ac:dyDescent="0.2">
      <c r="A16" s="76"/>
      <c r="B16" s="72"/>
      <c r="C16" s="72"/>
      <c r="D16" s="72"/>
      <c r="E16" s="72"/>
      <c r="F16" s="80" t="s">
        <v>97</v>
      </c>
      <c r="G16" s="170"/>
      <c r="H16" s="79"/>
      <c r="I16" s="886"/>
      <c r="J16" s="886"/>
    </row>
    <row r="17" spans="1:13" ht="24" customHeight="1" x14ac:dyDescent="0.2">
      <c r="A17" s="77"/>
      <c r="B17" s="72"/>
      <c r="C17" s="72"/>
      <c r="D17" s="72"/>
      <c r="E17" s="72"/>
      <c r="F17" s="71"/>
      <c r="G17" s="71"/>
      <c r="H17" s="71"/>
      <c r="I17" s="886"/>
      <c r="J17" s="886"/>
    </row>
    <row r="18" spans="1:13" ht="24" customHeight="1" x14ac:dyDescent="0.2">
      <c r="A18" s="77"/>
      <c r="B18" s="72"/>
      <c r="C18" s="72"/>
      <c r="D18" s="72"/>
      <c r="E18" s="883" t="s">
        <v>24</v>
      </c>
      <c r="F18" s="883"/>
      <c r="G18" s="72"/>
      <c r="H18" s="72"/>
      <c r="I18" s="886"/>
      <c r="J18" s="886"/>
      <c r="M18" s="535"/>
    </row>
    <row r="19" spans="1:13" ht="24" customHeight="1" x14ac:dyDescent="0.2">
      <c r="A19" s="77"/>
      <c r="B19" s="72"/>
      <c r="C19" s="72"/>
      <c r="D19" s="72"/>
      <c r="E19" s="72"/>
      <c r="F19" s="80" t="s">
        <v>96</v>
      </c>
      <c r="G19" s="64"/>
      <c r="H19" s="79"/>
      <c r="I19" s="886"/>
      <c r="J19" s="886"/>
    </row>
    <row r="20" spans="1:13" ht="18.75" customHeight="1" thickBot="1" x14ac:dyDescent="0.25">
      <c r="A20" s="78"/>
      <c r="B20" s="74"/>
      <c r="C20" s="74"/>
      <c r="D20" s="74"/>
      <c r="E20" s="74"/>
      <c r="F20" s="74"/>
      <c r="G20" s="74"/>
      <c r="H20" s="74"/>
      <c r="I20" s="887"/>
      <c r="J20" s="888"/>
    </row>
    <row r="21" spans="1:13" ht="35.25" customHeight="1" x14ac:dyDescent="0.2">
      <c r="A21" s="885" t="s">
        <v>390</v>
      </c>
      <c r="B21" s="885"/>
      <c r="C21" s="885"/>
      <c r="D21" s="885"/>
      <c r="E21" s="885"/>
      <c r="F21" s="885"/>
      <c r="G21" s="885"/>
      <c r="H21" s="885"/>
      <c r="I21" s="885"/>
      <c r="J21" s="885"/>
    </row>
    <row r="22" spans="1:13" ht="16.2" customHeight="1" x14ac:dyDescent="0.2">
      <c r="A22" s="885"/>
      <c r="B22" s="885"/>
      <c r="C22" s="885"/>
      <c r="D22" s="885"/>
      <c r="E22" s="885"/>
      <c r="F22" s="885"/>
      <c r="G22" s="885"/>
      <c r="H22" s="885"/>
      <c r="I22" s="885"/>
      <c r="J22" s="885"/>
    </row>
    <row r="23" spans="1:13" ht="16.2" customHeight="1" x14ac:dyDescent="0.2">
      <c r="A23" s="885"/>
      <c r="B23" s="885"/>
      <c r="C23" s="885"/>
      <c r="D23" s="885"/>
      <c r="E23" s="885"/>
      <c r="F23" s="885"/>
      <c r="G23" s="885"/>
      <c r="H23" s="885"/>
      <c r="I23" s="885"/>
      <c r="J23" s="885"/>
    </row>
    <row r="24" spans="1:13" ht="16.2" x14ac:dyDescent="0.2">
      <c r="A24" s="1"/>
      <c r="B24" s="63"/>
      <c r="C24" s="63"/>
      <c r="D24" s="63"/>
      <c r="E24" s="63"/>
      <c r="F24" s="63"/>
      <c r="G24" s="63"/>
      <c r="H24" s="63"/>
      <c r="I24" s="63"/>
      <c r="J24" s="25"/>
    </row>
    <row r="44" spans="7:7" x14ac:dyDescent="0.2">
      <c r="G44" s="280"/>
    </row>
  </sheetData>
  <mergeCells count="25">
    <mergeCell ref="I8:J8"/>
    <mergeCell ref="I6:J6"/>
    <mergeCell ref="A21:J23"/>
    <mergeCell ref="I18:J18"/>
    <mergeCell ref="I15:J15"/>
    <mergeCell ref="I20:J20"/>
    <mergeCell ref="I16:J16"/>
    <mergeCell ref="I19:J19"/>
    <mergeCell ref="I17:J17"/>
    <mergeCell ref="D1:G2"/>
    <mergeCell ref="D6:F6"/>
    <mergeCell ref="D10:H10"/>
    <mergeCell ref="E18:F18"/>
    <mergeCell ref="I4:J4"/>
    <mergeCell ref="H1:J1"/>
    <mergeCell ref="I13:J13"/>
    <mergeCell ref="I12:J12"/>
    <mergeCell ref="I11:J11"/>
    <mergeCell ref="I10:J10"/>
    <mergeCell ref="I14:J14"/>
    <mergeCell ref="I7:J7"/>
    <mergeCell ref="I9:J9"/>
    <mergeCell ref="I5:J5"/>
    <mergeCell ref="I3:J3"/>
    <mergeCell ref="I2:J2"/>
  </mergeCells>
  <phoneticPr fontId="2"/>
  <dataValidations count="2">
    <dataValidation type="textLength" allowBlank="1" showInputMessage="1" showErrorMessage="1" errorTitle="入力値エラー" error="100文字以内で入力してください｡" sqref="B9:C9 E18 E9:F17 B14:C19 D9:D20 G9:H20 E19:F20" xr:uid="{00000000-0002-0000-1E00-000000000000}">
      <formula1>0</formula1>
      <formula2>100</formula2>
    </dataValidation>
    <dataValidation type="textLength" allowBlank="1" showInputMessage="1" showErrorMessage="1" errorTitle="入力値エラー" error="50文字以内で入力してください｡" sqref="I9:I20" xr:uid="{00000000-0002-0000-1E00-000001000000}">
      <formula1>0</formula1>
      <formula2>5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sheetPr>
    <pageSetUpPr fitToPage="1"/>
  </sheetPr>
  <dimension ref="A1:P44"/>
  <sheetViews>
    <sheetView showZeros="0" view="pageBreakPreview" zoomScale="60" zoomScaleNormal="100" workbookViewId="0">
      <selection sqref="A1:XFD1048576"/>
    </sheetView>
  </sheetViews>
  <sheetFormatPr defaultRowHeight="14.4" x14ac:dyDescent="0.2"/>
  <cols>
    <col min="1" max="1" width="3.59765625" style="333" customWidth="1"/>
    <col min="2" max="3" width="15.09765625" style="333" customWidth="1"/>
    <col min="4" max="4" width="17.59765625" style="333" customWidth="1"/>
    <col min="5" max="14" width="2.5" style="296" customWidth="1"/>
    <col min="15" max="15" width="8.59765625" style="333" customWidth="1"/>
    <col min="16" max="16" width="36.09765625" style="333" customWidth="1"/>
    <col min="17" max="16384" width="8.796875" style="333"/>
  </cols>
  <sheetData>
    <row r="1" spans="1:16" ht="28.2" x14ac:dyDescent="0.2">
      <c r="A1" s="896" t="s">
        <v>27</v>
      </c>
      <c r="B1" s="896"/>
      <c r="C1" s="896"/>
      <c r="D1" s="896"/>
      <c r="E1" s="896"/>
      <c r="F1" s="896"/>
      <c r="G1" s="896"/>
      <c r="H1" s="896"/>
      <c r="I1" s="896"/>
      <c r="J1" s="896"/>
      <c r="K1" s="896"/>
      <c r="L1" s="896"/>
      <c r="M1" s="896"/>
      <c r="N1" s="896"/>
      <c r="O1" s="896"/>
      <c r="P1" s="896"/>
    </row>
    <row r="2" spans="1:16" ht="12" customHeight="1" thickBot="1" x14ac:dyDescent="0.25">
      <c r="A2" s="355"/>
      <c r="B2" s="339"/>
      <c r="C2" s="339"/>
      <c r="D2" s="339"/>
      <c r="E2" s="297"/>
      <c r="F2" s="297"/>
      <c r="G2" s="297"/>
      <c r="H2" s="297"/>
      <c r="I2" s="297"/>
      <c r="J2" s="297"/>
      <c r="K2" s="297"/>
      <c r="L2" s="297"/>
      <c r="M2" s="297"/>
      <c r="N2" s="297"/>
      <c r="O2" s="339"/>
      <c r="P2" s="339"/>
    </row>
    <row r="3" spans="1:16" ht="22.5" customHeight="1" thickBot="1" x14ac:dyDescent="0.25">
      <c r="A3" s="823" t="s">
        <v>88</v>
      </c>
      <c r="B3" s="825"/>
      <c r="C3" s="390" t="s">
        <v>28</v>
      </c>
      <c r="D3" s="368" t="s">
        <v>29</v>
      </c>
      <c r="E3" s="899" t="s">
        <v>46</v>
      </c>
      <c r="F3" s="900"/>
      <c r="G3" s="900"/>
      <c r="H3" s="900"/>
      <c r="I3" s="900"/>
      <c r="J3" s="900"/>
      <c r="K3" s="900"/>
      <c r="L3" s="900"/>
      <c r="M3" s="900"/>
      <c r="N3" s="901"/>
      <c r="O3" s="524" t="s">
        <v>26</v>
      </c>
      <c r="P3" s="524" t="s">
        <v>89</v>
      </c>
    </row>
    <row r="4" spans="1:16" ht="25.5" customHeight="1" x14ac:dyDescent="0.2">
      <c r="A4" s="392" t="s">
        <v>117</v>
      </c>
      <c r="B4" s="525"/>
      <c r="C4" s="526"/>
      <c r="D4" s="526"/>
      <c r="E4" s="408" t="s">
        <v>104</v>
      </c>
      <c r="F4" s="409"/>
      <c r="G4" s="410"/>
      <c r="H4" s="411" t="s">
        <v>105</v>
      </c>
      <c r="I4" s="135"/>
      <c r="J4" s="154"/>
      <c r="K4" s="412" t="s">
        <v>233</v>
      </c>
      <c r="L4" s="155"/>
      <c r="M4" s="154"/>
      <c r="N4" s="413" t="s">
        <v>234</v>
      </c>
      <c r="O4" s="205" t="s">
        <v>151</v>
      </c>
      <c r="P4" s="131"/>
    </row>
    <row r="5" spans="1:16" ht="25.5" customHeight="1" x14ac:dyDescent="0.2">
      <c r="A5" s="372" t="s">
        <v>139</v>
      </c>
      <c r="B5" s="291"/>
      <c r="C5" s="16"/>
      <c r="D5" s="16"/>
      <c r="E5" s="415"/>
      <c r="F5" s="122"/>
      <c r="G5" s="416"/>
      <c r="H5" s="417"/>
      <c r="I5" s="122"/>
      <c r="J5" s="416"/>
      <c r="K5" s="417"/>
      <c r="L5" s="122"/>
      <c r="M5" s="416"/>
      <c r="N5" s="430"/>
      <c r="O5" s="53" t="s">
        <v>151</v>
      </c>
      <c r="P5" s="13"/>
    </row>
    <row r="6" spans="1:16" ht="25.5" customHeight="1" x14ac:dyDescent="0.2">
      <c r="A6" s="372" t="s">
        <v>119</v>
      </c>
      <c r="B6" s="291"/>
      <c r="C6" s="16"/>
      <c r="D6" s="16"/>
      <c r="E6" s="373">
        <v>0</v>
      </c>
      <c r="F6" s="374"/>
      <c r="G6" s="375"/>
      <c r="H6" s="376"/>
      <c r="I6" s="374"/>
      <c r="J6" s="375"/>
      <c r="K6" s="376"/>
      <c r="L6" s="374"/>
      <c r="M6" s="375"/>
      <c r="N6" s="377">
        <v>0</v>
      </c>
      <c r="O6" s="53" t="s">
        <v>151</v>
      </c>
      <c r="P6" s="13"/>
    </row>
    <row r="7" spans="1:16" ht="25.5" customHeight="1" x14ac:dyDescent="0.2">
      <c r="A7" s="372" t="s">
        <v>121</v>
      </c>
      <c r="B7" s="291"/>
      <c r="C7" s="16"/>
      <c r="D7" s="16"/>
      <c r="E7" s="373">
        <v>0</v>
      </c>
      <c r="F7" s="374"/>
      <c r="G7" s="375"/>
      <c r="H7" s="376"/>
      <c r="I7" s="374"/>
      <c r="J7" s="375"/>
      <c r="K7" s="376"/>
      <c r="L7" s="374"/>
      <c r="M7" s="375"/>
      <c r="N7" s="377">
        <v>0</v>
      </c>
      <c r="O7" s="53" t="s">
        <v>151</v>
      </c>
      <c r="P7" s="13"/>
    </row>
    <row r="8" spans="1:16" ht="25.5" customHeight="1" x14ac:dyDescent="0.2">
      <c r="A8" s="372" t="s">
        <v>123</v>
      </c>
      <c r="B8" s="291"/>
      <c r="C8" s="16"/>
      <c r="D8" s="16"/>
      <c r="E8" s="373">
        <v>0</v>
      </c>
      <c r="F8" s="374"/>
      <c r="G8" s="375"/>
      <c r="H8" s="376"/>
      <c r="I8" s="374"/>
      <c r="J8" s="375"/>
      <c r="K8" s="376"/>
      <c r="L8" s="374"/>
      <c r="M8" s="375"/>
      <c r="N8" s="377">
        <v>0</v>
      </c>
      <c r="O8" s="53" t="s">
        <v>151</v>
      </c>
      <c r="P8" s="13"/>
    </row>
    <row r="9" spans="1:16" ht="25.5" customHeight="1" x14ac:dyDescent="0.2">
      <c r="A9" s="372" t="s">
        <v>125</v>
      </c>
      <c r="B9" s="291"/>
      <c r="C9" s="16"/>
      <c r="D9" s="16"/>
      <c r="E9" s="373">
        <v>0</v>
      </c>
      <c r="F9" s="374"/>
      <c r="G9" s="375"/>
      <c r="H9" s="376"/>
      <c r="I9" s="374"/>
      <c r="J9" s="375"/>
      <c r="K9" s="376"/>
      <c r="L9" s="374"/>
      <c r="M9" s="375"/>
      <c r="N9" s="377">
        <v>0</v>
      </c>
      <c r="O9" s="53" t="s">
        <v>151</v>
      </c>
      <c r="P9" s="13"/>
    </row>
    <row r="10" spans="1:16" ht="25.5" customHeight="1" x14ac:dyDescent="0.2">
      <c r="A10" s="372" t="s">
        <v>127</v>
      </c>
      <c r="B10" s="291"/>
      <c r="C10" s="16"/>
      <c r="D10" s="16"/>
      <c r="E10" s="373">
        <v>0</v>
      </c>
      <c r="F10" s="374"/>
      <c r="G10" s="375"/>
      <c r="H10" s="376"/>
      <c r="I10" s="374"/>
      <c r="J10" s="375"/>
      <c r="K10" s="376"/>
      <c r="L10" s="374"/>
      <c r="M10" s="375"/>
      <c r="N10" s="377">
        <v>0</v>
      </c>
      <c r="O10" s="53" t="s">
        <v>151</v>
      </c>
      <c r="P10" s="13"/>
    </row>
    <row r="11" spans="1:16" ht="25.5" customHeight="1" x14ac:dyDescent="0.2">
      <c r="A11" s="372" t="s">
        <v>129</v>
      </c>
      <c r="B11" s="291"/>
      <c r="C11" s="16"/>
      <c r="D11" s="16"/>
      <c r="E11" s="373">
        <v>0</v>
      </c>
      <c r="F11" s="374"/>
      <c r="G11" s="375"/>
      <c r="H11" s="376"/>
      <c r="I11" s="374"/>
      <c r="J11" s="375"/>
      <c r="K11" s="376"/>
      <c r="L11" s="374"/>
      <c r="M11" s="375"/>
      <c r="N11" s="377">
        <v>0</v>
      </c>
      <c r="O11" s="53" t="s">
        <v>151</v>
      </c>
      <c r="P11" s="13"/>
    </row>
    <row r="12" spans="1:16" ht="25.5" customHeight="1" x14ac:dyDescent="0.2">
      <c r="A12" s="372" t="s">
        <v>131</v>
      </c>
      <c r="B12" s="291"/>
      <c r="C12" s="16"/>
      <c r="D12" s="16"/>
      <c r="E12" s="373">
        <v>0</v>
      </c>
      <c r="F12" s="374"/>
      <c r="G12" s="375"/>
      <c r="H12" s="376"/>
      <c r="I12" s="374"/>
      <c r="J12" s="375"/>
      <c r="K12" s="376"/>
      <c r="L12" s="374"/>
      <c r="M12" s="375"/>
      <c r="N12" s="377">
        <v>0</v>
      </c>
      <c r="O12" s="53" t="s">
        <v>151</v>
      </c>
      <c r="P12" s="13"/>
    </row>
    <row r="13" spans="1:16" ht="25.5" customHeight="1" x14ac:dyDescent="0.2">
      <c r="A13" s="372" t="s">
        <v>133</v>
      </c>
      <c r="B13" s="291"/>
      <c r="C13" s="16"/>
      <c r="D13" s="16"/>
      <c r="E13" s="373">
        <v>0</v>
      </c>
      <c r="F13" s="374"/>
      <c r="G13" s="375"/>
      <c r="H13" s="376"/>
      <c r="I13" s="374"/>
      <c r="J13" s="375"/>
      <c r="K13" s="376"/>
      <c r="L13" s="374"/>
      <c r="M13" s="375"/>
      <c r="N13" s="377">
        <v>0</v>
      </c>
      <c r="O13" s="53" t="s">
        <v>151</v>
      </c>
      <c r="P13" s="13"/>
    </row>
    <row r="14" spans="1:16" ht="25.5" customHeight="1" x14ac:dyDescent="0.2">
      <c r="A14" s="372" t="s">
        <v>134</v>
      </c>
      <c r="B14" s="291"/>
      <c r="C14" s="16"/>
      <c r="D14" s="16"/>
      <c r="E14" s="373">
        <v>0</v>
      </c>
      <c r="F14" s="374"/>
      <c r="G14" s="375"/>
      <c r="H14" s="376"/>
      <c r="I14" s="374"/>
      <c r="J14" s="375"/>
      <c r="K14" s="376"/>
      <c r="L14" s="374"/>
      <c r="M14" s="375"/>
      <c r="N14" s="377">
        <v>0</v>
      </c>
      <c r="O14" s="53" t="s">
        <v>151</v>
      </c>
      <c r="P14" s="13"/>
    </row>
    <row r="15" spans="1:16" ht="25.5" customHeight="1" thickBot="1" x14ac:dyDescent="0.25">
      <c r="A15" s="401">
        <v>12</v>
      </c>
      <c r="B15" s="292"/>
      <c r="C15" s="527"/>
      <c r="D15" s="527"/>
      <c r="E15" s="513">
        <v>0</v>
      </c>
      <c r="F15" s="447"/>
      <c r="G15" s="448"/>
      <c r="H15" s="449"/>
      <c r="I15" s="447"/>
      <c r="J15" s="448"/>
      <c r="K15" s="449"/>
      <c r="L15" s="447"/>
      <c r="M15" s="448"/>
      <c r="N15" s="450">
        <v>0</v>
      </c>
      <c r="O15" s="55" t="s">
        <v>151</v>
      </c>
      <c r="P15" s="14"/>
    </row>
    <row r="16" spans="1:16" ht="21" customHeight="1" x14ac:dyDescent="0.2">
      <c r="A16" s="310"/>
      <c r="B16" s="521"/>
      <c r="C16" s="521"/>
      <c r="D16" s="521"/>
      <c r="E16" s="528"/>
      <c r="F16" s="528"/>
      <c r="G16" s="528"/>
      <c r="H16" s="528"/>
      <c r="I16" s="528"/>
      <c r="J16" s="528"/>
      <c r="K16" s="528"/>
      <c r="L16" s="528"/>
      <c r="M16" s="528"/>
      <c r="N16" s="528"/>
      <c r="O16" s="93"/>
      <c r="P16" s="72"/>
    </row>
    <row r="17" spans="1:16" ht="25.5" customHeight="1" x14ac:dyDescent="0.2">
      <c r="A17" s="310"/>
      <c r="B17" s="521"/>
      <c r="C17" s="521"/>
      <c r="D17" s="521"/>
      <c r="E17" s="528"/>
      <c r="F17" s="528"/>
      <c r="G17" s="897" t="s">
        <v>94</v>
      </c>
      <c r="H17" s="898"/>
      <c r="I17" s="898"/>
      <c r="J17" s="898"/>
      <c r="K17" s="898"/>
      <c r="L17" s="898"/>
      <c r="M17" s="898"/>
      <c r="N17" s="898"/>
      <c r="O17" s="902"/>
      <c r="P17" s="903"/>
    </row>
    <row r="18" spans="1:16" ht="21" customHeight="1" x14ac:dyDescent="0.2">
      <c r="A18" s="310"/>
      <c r="B18" s="521"/>
      <c r="C18" s="521"/>
      <c r="D18" s="521"/>
      <c r="E18" s="528"/>
      <c r="F18" s="528"/>
      <c r="H18" s="94"/>
      <c r="I18" s="94"/>
      <c r="J18" s="528"/>
      <c r="K18" s="528"/>
      <c r="L18" s="528"/>
      <c r="M18" s="534"/>
      <c r="N18" s="528"/>
      <c r="O18" s="93"/>
      <c r="P18" s="72"/>
    </row>
    <row r="19" spans="1:16" ht="25.5" customHeight="1" x14ac:dyDescent="0.2">
      <c r="A19" s="310"/>
      <c r="B19" s="521"/>
      <c r="C19" s="521"/>
      <c r="D19" s="521"/>
      <c r="E19" s="528"/>
      <c r="F19" s="528"/>
      <c r="G19" s="897" t="s">
        <v>97</v>
      </c>
      <c r="H19" s="898"/>
      <c r="I19" s="898"/>
      <c r="J19" s="898"/>
      <c r="K19" s="898"/>
      <c r="L19" s="898"/>
      <c r="M19" s="898"/>
      <c r="N19" s="898"/>
      <c r="O19" s="904"/>
      <c r="P19" s="905"/>
    </row>
    <row r="20" spans="1:16" s="337" customFormat="1" ht="11.25" customHeight="1" x14ac:dyDescent="0.2">
      <c r="A20" s="310"/>
      <c r="B20" s="521"/>
      <c r="C20" s="521"/>
      <c r="D20" s="521"/>
      <c r="E20" s="528"/>
      <c r="F20" s="528"/>
      <c r="G20" s="94"/>
      <c r="H20" s="528"/>
      <c r="I20" s="528"/>
      <c r="J20" s="528"/>
      <c r="K20" s="528"/>
      <c r="L20" s="528"/>
      <c r="M20" s="528"/>
      <c r="N20" s="528"/>
      <c r="O20" s="93"/>
      <c r="P20" s="72"/>
    </row>
    <row r="21" spans="1:16" s="337" customFormat="1" ht="36" customHeight="1" x14ac:dyDescent="0.2">
      <c r="B21" s="895" t="s">
        <v>389</v>
      </c>
      <c r="C21" s="895"/>
      <c r="D21" s="895"/>
      <c r="E21" s="895"/>
      <c r="F21" s="895"/>
      <c r="G21" s="895"/>
      <c r="H21" s="895"/>
      <c r="I21" s="895"/>
      <c r="J21" s="895"/>
      <c r="K21" s="895"/>
      <c r="L21" s="895"/>
      <c r="M21" s="895"/>
      <c r="N21" s="895"/>
      <c r="O21" s="895"/>
      <c r="P21" s="895"/>
    </row>
    <row r="22" spans="1:16" x14ac:dyDescent="0.2">
      <c r="B22" s="895"/>
      <c r="C22" s="895"/>
      <c r="D22" s="895"/>
      <c r="E22" s="895"/>
      <c r="F22" s="895"/>
      <c r="G22" s="895"/>
      <c r="H22" s="895"/>
      <c r="I22" s="895"/>
      <c r="J22" s="895"/>
      <c r="K22" s="895"/>
      <c r="L22" s="895"/>
      <c r="M22" s="895"/>
      <c r="N22" s="895"/>
      <c r="O22" s="895"/>
      <c r="P22" s="895"/>
    </row>
    <row r="23" spans="1:16" x14ac:dyDescent="0.2">
      <c r="B23" s="895"/>
      <c r="C23" s="895"/>
      <c r="D23" s="895"/>
      <c r="E23" s="895"/>
      <c r="F23" s="895"/>
      <c r="G23" s="895"/>
      <c r="H23" s="895"/>
      <c r="I23" s="895"/>
      <c r="J23" s="895"/>
      <c r="K23" s="895"/>
      <c r="L23" s="895"/>
      <c r="M23" s="895"/>
      <c r="N23" s="895"/>
      <c r="O23" s="895"/>
      <c r="P23" s="895"/>
    </row>
    <row r="44" spans="7:7" x14ac:dyDescent="0.2">
      <c r="G44" s="529"/>
    </row>
  </sheetData>
  <mergeCells count="8">
    <mergeCell ref="B21:P23"/>
    <mergeCell ref="A1:P1"/>
    <mergeCell ref="A3:B3"/>
    <mergeCell ref="G17:N17"/>
    <mergeCell ref="G19:N19"/>
    <mergeCell ref="E3:N3"/>
    <mergeCell ref="O17:P17"/>
    <mergeCell ref="O19:P19"/>
  </mergeCells>
  <phoneticPr fontId="2"/>
  <dataValidations count="3">
    <dataValidation type="textLength" allowBlank="1" showInputMessage="1" showErrorMessage="1" errorTitle="入力値エラー" error="100文字以内で入力してください｡" sqref="H18:I18 P4:P16 P18 P20 G20 B4:D20" xr:uid="{00000000-0002-0000-1F00-000000000000}">
      <formula1>0</formula1>
      <formula2>100</formula2>
    </dataValidation>
    <dataValidation type="whole" imeMode="disabled" allowBlank="1" showInputMessage="1" showErrorMessage="1" errorTitle="入力値エラー" error="数字を入力してください。_x000a_もしくは、12桁以内で入力してください。" sqref="E5:N5" xr:uid="{00000000-0002-0000-1F00-000001000000}">
      <formula1>0</formula1>
      <formula2>999999999999</formula2>
    </dataValidation>
    <dataValidation type="textLength" allowBlank="1" showInputMessage="1" showErrorMessage="1" errorTitle="入力値エラー" error="60文字以内で入力してください｡" sqref="O4:O20" xr:uid="{00000000-0002-0000-1F00-000002000000}">
      <formula1>0</formula1>
      <formula2>6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sheetPr>
    <pageSetUpPr fitToPage="1"/>
  </sheetPr>
  <dimension ref="A1:P44"/>
  <sheetViews>
    <sheetView view="pageBreakPreview" zoomScale="60" zoomScaleNormal="85" workbookViewId="0">
      <selection sqref="A1:XFD1048576"/>
    </sheetView>
  </sheetViews>
  <sheetFormatPr defaultRowHeight="14.4" x14ac:dyDescent="0.2"/>
  <cols>
    <col min="1" max="1" width="35.59765625" style="333" customWidth="1"/>
    <col min="2" max="3" width="18" style="333" customWidth="1"/>
    <col min="4" max="4" width="45.5" style="333" customWidth="1"/>
    <col min="5" max="16384" width="8.796875" style="333"/>
  </cols>
  <sheetData>
    <row r="1" spans="1:16" ht="28.2" x14ac:dyDescent="0.2">
      <c r="A1" s="896" t="s">
        <v>30</v>
      </c>
      <c r="B1" s="896"/>
      <c r="C1" s="896"/>
      <c r="D1" s="896"/>
    </row>
    <row r="2" spans="1:16" ht="12.75" customHeight="1" x14ac:dyDescent="0.2">
      <c r="A2" s="516"/>
      <c r="B2" s="516"/>
      <c r="C2" s="516"/>
      <c r="D2" s="516"/>
    </row>
    <row r="3" spans="1:16" ht="45" customHeight="1" x14ac:dyDescent="0.2">
      <c r="A3" s="355"/>
      <c r="B3" s="339"/>
      <c r="C3" s="517" t="s">
        <v>94</v>
      </c>
      <c r="D3" s="170"/>
    </row>
    <row r="4" spans="1:16" ht="12.75" customHeight="1" thickBot="1" x14ac:dyDescent="0.25">
      <c r="A4" s="355"/>
      <c r="B4" s="339"/>
      <c r="C4" s="517"/>
      <c r="D4" s="206"/>
    </row>
    <row r="5" spans="1:16" s="519" customFormat="1" ht="72" customHeight="1" thickBot="1" x14ac:dyDescent="0.25">
      <c r="A5" s="518" t="s">
        <v>88</v>
      </c>
      <c r="B5" s="830" t="s">
        <v>28</v>
      </c>
      <c r="C5" s="907"/>
      <c r="D5" s="518" t="s">
        <v>29</v>
      </c>
    </row>
    <row r="6" spans="1:16" ht="72" customHeight="1" thickBot="1" x14ac:dyDescent="0.25">
      <c r="A6" s="520"/>
      <c r="B6" s="908"/>
      <c r="C6" s="909"/>
      <c r="D6" s="176"/>
    </row>
    <row r="7" spans="1:16" ht="45" customHeight="1" x14ac:dyDescent="0.2">
      <c r="A7" s="521"/>
      <c r="B7" s="521"/>
      <c r="C7" s="521"/>
      <c r="D7" s="72"/>
    </row>
    <row r="8" spans="1:16" ht="45" customHeight="1" x14ac:dyDescent="0.2">
      <c r="A8" s="521"/>
      <c r="B8" s="521"/>
    </row>
    <row r="9" spans="1:16" ht="30" customHeight="1" x14ac:dyDescent="0.2">
      <c r="A9" s="521"/>
      <c r="B9" s="521"/>
      <c r="C9" s="521"/>
      <c r="D9" s="72"/>
    </row>
    <row r="10" spans="1:16" ht="84" customHeight="1" x14ac:dyDescent="0.2">
      <c r="B10" s="522"/>
      <c r="E10" s="357"/>
      <c r="F10" s="357"/>
      <c r="G10" s="357"/>
      <c r="H10" s="357"/>
      <c r="I10" s="357"/>
      <c r="J10" s="357"/>
      <c r="K10" s="357"/>
      <c r="L10" s="357"/>
      <c r="M10" s="357"/>
      <c r="N10" s="357"/>
      <c r="O10" s="357"/>
      <c r="P10" s="357"/>
    </row>
    <row r="11" spans="1:16" ht="21" customHeight="1" x14ac:dyDescent="0.2">
      <c r="A11" s="310"/>
      <c r="B11" s="521"/>
    </row>
    <row r="12" spans="1:16" ht="25.5" customHeight="1" x14ac:dyDescent="0.2">
      <c r="A12" s="310"/>
      <c r="B12" s="521"/>
      <c r="C12" s="521"/>
      <c r="D12" s="521"/>
    </row>
    <row r="13" spans="1:16" s="337" customFormat="1" ht="19.5" customHeight="1" x14ac:dyDescent="0.2">
      <c r="A13" s="310"/>
      <c r="B13" s="521"/>
      <c r="C13" s="521"/>
      <c r="D13" s="521"/>
    </row>
    <row r="14" spans="1:16" s="337" customFormat="1" ht="11.25" customHeight="1" x14ac:dyDescent="0.2">
      <c r="A14" s="310"/>
      <c r="B14" s="521"/>
      <c r="C14" s="521"/>
      <c r="D14" s="521"/>
    </row>
    <row r="15" spans="1:16" s="337" customFormat="1" ht="36" customHeight="1" x14ac:dyDescent="0.2">
      <c r="B15" s="906"/>
      <c r="C15" s="906"/>
      <c r="D15" s="906"/>
    </row>
    <row r="18" spans="1:13" x14ac:dyDescent="0.2">
      <c r="A18" s="523"/>
      <c r="B18" s="523"/>
      <c r="M18" s="533"/>
    </row>
    <row r="19" spans="1:13" x14ac:dyDescent="0.2">
      <c r="A19" s="381"/>
      <c r="B19" s="381"/>
    </row>
    <row r="44" spans="7:7" x14ac:dyDescent="0.2">
      <c r="G44" s="427"/>
    </row>
  </sheetData>
  <mergeCells count="4">
    <mergeCell ref="A1:D1"/>
    <mergeCell ref="B15:D15"/>
    <mergeCell ref="B5:C5"/>
    <mergeCell ref="B6:C6"/>
  </mergeCells>
  <phoneticPr fontId="2"/>
  <dataValidations count="1">
    <dataValidation type="textLength" allowBlank="1" showInputMessage="1" showErrorMessage="1" errorTitle="入力値エラー" error="100文字以内で入力してください｡" sqref="A6:B9 C3:D4 B11:B14 C12:D14 C9:D9 C6:D7" xr:uid="{00000000-0002-0000-2000-000000000000}">
      <formula1>0</formula1>
      <formula2>10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Q44"/>
  <sheetViews>
    <sheetView showZeros="0" view="pageBreakPreview" topLeftCell="A12" zoomScale="130" zoomScaleNormal="100" zoomScaleSheetLayoutView="130" workbookViewId="0">
      <selection activeCell="M20" sqref="M20"/>
    </sheetView>
  </sheetViews>
  <sheetFormatPr defaultRowHeight="14.4" x14ac:dyDescent="0.2"/>
  <cols>
    <col min="1" max="1" width="3.59765625" style="333" customWidth="1"/>
    <col min="2" max="2" width="36.59765625" style="333" customWidth="1"/>
    <col min="3" max="11" width="3.5" style="296" customWidth="1"/>
    <col min="12" max="12" width="3.19921875" style="296" customWidth="1"/>
    <col min="13" max="13" width="46.09765625" style="333" customWidth="1"/>
    <col min="14" max="16384" width="8.796875" style="333"/>
  </cols>
  <sheetData>
    <row r="1" spans="1:13" ht="13.5" customHeight="1" x14ac:dyDescent="0.2">
      <c r="A1" s="293"/>
      <c r="B1" s="293"/>
      <c r="C1" s="293"/>
      <c r="D1" s="293"/>
      <c r="E1" s="293"/>
      <c r="F1" s="293"/>
      <c r="G1" s="293"/>
      <c r="H1" s="293"/>
      <c r="I1" s="293"/>
      <c r="J1" s="293"/>
      <c r="K1" s="293"/>
      <c r="L1" s="293"/>
      <c r="M1" s="496" t="s">
        <v>107</v>
      </c>
    </row>
    <row r="2" spans="1:13" ht="13.5" customHeight="1" thickBot="1" x14ac:dyDescent="0.25">
      <c r="A2" s="293"/>
      <c r="B2" s="297"/>
      <c r="C2" s="297"/>
      <c r="D2" s="297"/>
      <c r="E2" s="297"/>
      <c r="F2" s="297"/>
      <c r="G2" s="297"/>
      <c r="H2" s="297"/>
      <c r="I2" s="297"/>
      <c r="J2" s="297"/>
      <c r="K2" s="297"/>
      <c r="L2" s="297"/>
      <c r="M2" s="297"/>
    </row>
    <row r="3" spans="1:13" ht="25.5" customHeight="1" thickBot="1" x14ac:dyDescent="0.25">
      <c r="A3" s="306" t="s">
        <v>141</v>
      </c>
      <c r="B3" s="363"/>
      <c r="C3" s="404"/>
      <c r="D3" s="404"/>
      <c r="E3" s="404"/>
      <c r="F3" s="404"/>
      <c r="G3" s="404"/>
      <c r="H3" s="404"/>
      <c r="I3" s="404"/>
      <c r="J3" s="404"/>
      <c r="K3" s="404"/>
      <c r="L3" s="207"/>
      <c r="M3" s="312"/>
    </row>
    <row r="4" spans="1:13" ht="25.5" customHeight="1" thickBot="1" x14ac:dyDescent="0.25">
      <c r="A4" s="673" t="s">
        <v>42</v>
      </c>
      <c r="B4" s="674"/>
      <c r="C4" s="673" t="s">
        <v>46</v>
      </c>
      <c r="D4" s="677"/>
      <c r="E4" s="677"/>
      <c r="F4" s="677"/>
      <c r="G4" s="677"/>
      <c r="H4" s="677"/>
      <c r="I4" s="677"/>
      <c r="J4" s="677"/>
      <c r="K4" s="677"/>
      <c r="L4" s="674"/>
      <c r="M4" s="498" t="s">
        <v>143</v>
      </c>
    </row>
    <row r="5" spans="1:13" ht="30" customHeight="1" x14ac:dyDescent="0.2">
      <c r="A5" s="392" t="s">
        <v>117</v>
      </c>
      <c r="B5" s="117"/>
      <c r="C5" s="315"/>
      <c r="D5" s="121"/>
      <c r="E5" s="95"/>
      <c r="F5" s="316"/>
      <c r="G5" s="96"/>
      <c r="H5" s="111"/>
      <c r="I5" s="316"/>
      <c r="J5" s="96"/>
      <c r="K5" s="95"/>
      <c r="L5" s="319"/>
      <c r="M5" s="119"/>
    </row>
    <row r="6" spans="1:13" ht="30" customHeight="1" x14ac:dyDescent="0.2">
      <c r="A6" s="372" t="s">
        <v>139</v>
      </c>
      <c r="B6" s="118"/>
      <c r="C6" s="415"/>
      <c r="D6" s="122"/>
      <c r="E6" s="97"/>
      <c r="F6" s="98"/>
      <c r="G6" s="181"/>
      <c r="H6" s="113"/>
      <c r="I6" s="182"/>
      <c r="J6" s="99"/>
      <c r="K6" s="100"/>
      <c r="L6" s="102"/>
      <c r="M6" s="127"/>
    </row>
    <row r="7" spans="1:13" ht="30" customHeight="1" x14ac:dyDescent="0.2">
      <c r="A7" s="372" t="s">
        <v>119</v>
      </c>
      <c r="B7" s="118"/>
      <c r="C7" s="373">
        <v>0</v>
      </c>
      <c r="D7" s="374"/>
      <c r="E7" s="100"/>
      <c r="F7" s="101"/>
      <c r="G7" s="99"/>
      <c r="H7" s="100"/>
      <c r="I7" s="101"/>
      <c r="J7" s="99"/>
      <c r="K7" s="100"/>
      <c r="L7" s="102"/>
      <c r="M7" s="127"/>
    </row>
    <row r="8" spans="1:13" ht="30" customHeight="1" x14ac:dyDescent="0.2">
      <c r="A8" s="372" t="s">
        <v>121</v>
      </c>
      <c r="B8" s="9"/>
      <c r="C8" s="373">
        <v>0</v>
      </c>
      <c r="D8" s="374"/>
      <c r="E8" s="375"/>
      <c r="F8" s="376"/>
      <c r="G8" s="374"/>
      <c r="H8" s="375"/>
      <c r="I8" s="376"/>
      <c r="J8" s="374"/>
      <c r="K8" s="375"/>
      <c r="L8" s="377">
        <v>0</v>
      </c>
      <c r="M8" s="13"/>
    </row>
    <row r="9" spans="1:13" ht="30" customHeight="1" x14ac:dyDescent="0.2">
      <c r="A9" s="372" t="s">
        <v>123</v>
      </c>
      <c r="B9" s="9"/>
      <c r="C9" s="373">
        <v>0</v>
      </c>
      <c r="D9" s="374"/>
      <c r="E9" s="375"/>
      <c r="F9" s="376"/>
      <c r="G9" s="374"/>
      <c r="H9" s="375"/>
      <c r="I9" s="376"/>
      <c r="J9" s="374"/>
      <c r="K9" s="375"/>
      <c r="L9" s="377">
        <v>0</v>
      </c>
      <c r="M9" s="13"/>
    </row>
    <row r="10" spans="1:13" ht="30" customHeight="1" x14ac:dyDescent="0.2">
      <c r="A10" s="372" t="s">
        <v>125</v>
      </c>
      <c r="B10" s="9"/>
      <c r="C10" s="373">
        <v>0</v>
      </c>
      <c r="D10" s="374"/>
      <c r="E10" s="375"/>
      <c r="F10" s="376"/>
      <c r="G10" s="374"/>
      <c r="H10" s="375"/>
      <c r="I10" s="376"/>
      <c r="J10" s="374"/>
      <c r="K10" s="375"/>
      <c r="L10" s="377">
        <v>0</v>
      </c>
      <c r="M10" s="13"/>
    </row>
    <row r="11" spans="1:13" ht="30" customHeight="1" x14ac:dyDescent="0.2">
      <c r="A11" s="372" t="s">
        <v>127</v>
      </c>
      <c r="B11" s="9"/>
      <c r="C11" s="373">
        <v>0</v>
      </c>
      <c r="D11" s="374"/>
      <c r="E11" s="375"/>
      <c r="F11" s="376"/>
      <c r="G11" s="374"/>
      <c r="H11" s="375"/>
      <c r="I11" s="376"/>
      <c r="J11" s="374"/>
      <c r="K11" s="375"/>
      <c r="L11" s="377">
        <v>0</v>
      </c>
      <c r="M11" s="13"/>
    </row>
    <row r="12" spans="1:13" ht="30" customHeight="1" x14ac:dyDescent="0.2">
      <c r="A12" s="372" t="s">
        <v>129</v>
      </c>
      <c r="B12" s="9"/>
      <c r="C12" s="373">
        <v>0</v>
      </c>
      <c r="D12" s="374"/>
      <c r="E12" s="375"/>
      <c r="F12" s="376"/>
      <c r="G12" s="374"/>
      <c r="H12" s="375"/>
      <c r="I12" s="376"/>
      <c r="J12" s="374"/>
      <c r="K12" s="375"/>
      <c r="L12" s="377">
        <v>0</v>
      </c>
      <c r="M12" s="13"/>
    </row>
    <row r="13" spans="1:13" ht="30" customHeight="1" x14ac:dyDescent="0.2">
      <c r="A13" s="372" t="s">
        <v>131</v>
      </c>
      <c r="B13" s="9"/>
      <c r="C13" s="373">
        <v>0</v>
      </c>
      <c r="D13" s="374"/>
      <c r="E13" s="375"/>
      <c r="F13" s="376"/>
      <c r="G13" s="374"/>
      <c r="H13" s="375"/>
      <c r="I13" s="376"/>
      <c r="J13" s="374"/>
      <c r="K13" s="375"/>
      <c r="L13" s="377">
        <v>0</v>
      </c>
      <c r="M13" s="13"/>
    </row>
    <row r="14" spans="1:13" ht="30" customHeight="1" x14ac:dyDescent="0.2">
      <c r="A14" s="400">
        <v>10</v>
      </c>
      <c r="B14" s="9"/>
      <c r="C14" s="373">
        <v>0</v>
      </c>
      <c r="D14" s="374"/>
      <c r="E14" s="375"/>
      <c r="F14" s="376"/>
      <c r="G14" s="374"/>
      <c r="H14" s="375"/>
      <c r="I14" s="376"/>
      <c r="J14" s="374"/>
      <c r="K14" s="375"/>
      <c r="L14" s="377">
        <v>0</v>
      </c>
      <c r="M14" s="13"/>
    </row>
    <row r="15" spans="1:13" ht="30" customHeight="1" x14ac:dyDescent="0.2">
      <c r="A15" s="400">
        <v>11</v>
      </c>
      <c r="B15" s="9"/>
      <c r="C15" s="373">
        <v>0</v>
      </c>
      <c r="D15" s="374"/>
      <c r="E15" s="375"/>
      <c r="F15" s="376"/>
      <c r="G15" s="374"/>
      <c r="H15" s="375"/>
      <c r="I15" s="376"/>
      <c r="J15" s="374"/>
      <c r="K15" s="375"/>
      <c r="L15" s="377">
        <v>0</v>
      </c>
      <c r="M15" s="13"/>
    </row>
    <row r="16" spans="1:13" ht="30" customHeight="1" thickBot="1" x14ac:dyDescent="0.25">
      <c r="A16" s="400">
        <v>12</v>
      </c>
      <c r="B16" s="9"/>
      <c r="C16" s="513">
        <v>0</v>
      </c>
      <c r="D16" s="447"/>
      <c r="E16" s="448"/>
      <c r="F16" s="449"/>
      <c r="G16" s="447"/>
      <c r="H16" s="448"/>
      <c r="I16" s="449"/>
      <c r="J16" s="447"/>
      <c r="K16" s="448"/>
      <c r="L16" s="450">
        <v>0</v>
      </c>
      <c r="M16" s="13"/>
    </row>
    <row r="17" spans="1:13" ht="30" customHeight="1" thickBot="1" x14ac:dyDescent="0.25">
      <c r="A17" s="675" t="s">
        <v>331</v>
      </c>
      <c r="B17" s="676"/>
      <c r="C17" s="514"/>
      <c r="D17" s="504"/>
      <c r="E17" s="123"/>
      <c r="F17" s="124"/>
      <c r="G17" s="125"/>
      <c r="H17" s="123"/>
      <c r="I17" s="124"/>
      <c r="J17" s="125"/>
      <c r="K17" s="123"/>
      <c r="L17" s="126"/>
      <c r="M17" s="910" t="s">
        <v>396</v>
      </c>
    </row>
    <row r="18" spans="1:13" ht="30" customHeight="1" thickBot="1" x14ac:dyDescent="0.25">
      <c r="A18" s="673" t="s">
        <v>140</v>
      </c>
      <c r="B18" s="674"/>
      <c r="C18" s="420">
        <v>0</v>
      </c>
      <c r="D18" s="421"/>
      <c r="E18" s="104"/>
      <c r="F18" s="105"/>
      <c r="G18" s="103"/>
      <c r="H18" s="104"/>
      <c r="I18" s="105"/>
      <c r="J18" s="103"/>
      <c r="K18" s="104"/>
      <c r="L18" s="106"/>
      <c r="M18" s="911"/>
    </row>
    <row r="19" spans="1:13" ht="21" customHeight="1" x14ac:dyDescent="0.2">
      <c r="M19" s="911"/>
    </row>
    <row r="34" spans="7:17" x14ac:dyDescent="0.2">
      <c r="L34" s="332"/>
      <c r="M34" s="494"/>
      <c r="O34" s="494"/>
      <c r="P34" s="494"/>
      <c r="Q34" s="494"/>
    </row>
    <row r="44" spans="7:17" x14ac:dyDescent="0.2">
      <c r="G44" s="529"/>
    </row>
  </sheetData>
  <mergeCells count="5">
    <mergeCell ref="A17:B17"/>
    <mergeCell ref="A4:B4"/>
    <mergeCell ref="C4:L4"/>
    <mergeCell ref="A18:B18"/>
    <mergeCell ref="M17:M19"/>
  </mergeCells>
  <phoneticPr fontId="2"/>
  <dataValidations count="3">
    <dataValidation type="textLength" allowBlank="1" showInputMessage="1" showErrorMessage="1" errorTitle="入力値エラー" error="100文字以内で入力してください｡" sqref="A17 B5:B16" xr:uid="{00000000-0002-0000-0300-000000000000}">
      <formula1>0</formula1>
      <formula2>100</formula2>
    </dataValidation>
    <dataValidation type="textLength" allowBlank="1" showInputMessage="1" showErrorMessage="1" errorTitle="入力値エラー" error="50文字以内で入力してください｡" sqref="M5:M16" xr:uid="{00000000-0002-0000-0300-000001000000}">
      <formula1>0</formula1>
      <formula2>50</formula2>
    </dataValidation>
    <dataValidation type="whole" imeMode="disabled" allowBlank="1" showInputMessage="1" showErrorMessage="1" errorTitle="入力値エラー" error="数字を入力してください。_x000a_もしくは、12桁以内で入力してください。" sqref="C6:F6" xr:uid="{00000000-0002-0000-0300-000002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Z44"/>
  <sheetViews>
    <sheetView showZeros="0" view="pageBreakPreview" zoomScale="160" zoomScaleNormal="115" zoomScaleSheetLayoutView="160" workbookViewId="0">
      <selection sqref="A1:XFD1048576"/>
    </sheetView>
  </sheetViews>
  <sheetFormatPr defaultRowHeight="14.4" x14ac:dyDescent="0.2"/>
  <cols>
    <col min="1" max="1" width="3.59765625" style="333" customWidth="1"/>
    <col min="2" max="2" width="26.59765625" style="333" customWidth="1"/>
    <col min="3" max="12" width="2.19921875" style="296" customWidth="1"/>
    <col min="13" max="13" width="1.8984375" style="333" customWidth="1"/>
    <col min="14" max="24" width="2.19921875" style="296" customWidth="1"/>
    <col min="25" max="25" width="33" style="333" customWidth="1"/>
    <col min="26" max="26" width="8.59765625" style="333" customWidth="1"/>
    <col min="27" max="27" width="18.5" style="333" customWidth="1"/>
    <col min="28" max="16384" width="8.796875" style="333"/>
  </cols>
  <sheetData>
    <row r="1" spans="1:26" ht="13.5" customHeight="1" x14ac:dyDescent="0.2">
      <c r="A1" s="293"/>
      <c r="B1" s="293"/>
      <c r="C1" s="293"/>
      <c r="D1" s="293"/>
      <c r="E1" s="293"/>
      <c r="F1" s="293"/>
      <c r="G1" s="293"/>
      <c r="H1" s="293"/>
      <c r="I1" s="293"/>
      <c r="J1" s="293"/>
      <c r="K1" s="293"/>
      <c r="L1" s="293"/>
      <c r="M1" s="293"/>
      <c r="N1" s="293"/>
      <c r="O1" s="293"/>
      <c r="P1" s="293"/>
      <c r="Q1" s="293"/>
      <c r="R1" s="293"/>
      <c r="S1" s="293"/>
      <c r="T1" s="293"/>
      <c r="U1" s="293"/>
      <c r="V1" s="293"/>
      <c r="W1" s="293"/>
      <c r="X1" s="293"/>
      <c r="Y1" s="293"/>
      <c r="Z1" s="295" t="s">
        <v>108</v>
      </c>
    </row>
    <row r="2" spans="1:26" ht="13.5" customHeight="1" thickBot="1" x14ac:dyDescent="0.25">
      <c r="A2" s="293"/>
      <c r="B2" s="297"/>
      <c r="C2" s="297"/>
      <c r="D2" s="297"/>
      <c r="E2" s="297"/>
      <c r="F2" s="297"/>
      <c r="G2" s="297"/>
      <c r="H2" s="297"/>
      <c r="I2" s="297"/>
      <c r="J2" s="297"/>
      <c r="K2" s="297"/>
      <c r="L2" s="297"/>
      <c r="M2" s="297"/>
      <c r="N2" s="297"/>
      <c r="O2" s="297"/>
      <c r="P2" s="297"/>
      <c r="Q2" s="297"/>
      <c r="R2" s="297"/>
      <c r="S2" s="297"/>
      <c r="T2" s="297"/>
      <c r="U2" s="297"/>
      <c r="V2" s="297"/>
      <c r="W2" s="297"/>
      <c r="X2" s="297"/>
      <c r="Y2" s="293"/>
      <c r="Z2" s="293"/>
    </row>
    <row r="3" spans="1:26" ht="25.5" customHeight="1" thickBot="1" x14ac:dyDescent="0.25">
      <c r="A3" s="306" t="s">
        <v>33</v>
      </c>
      <c r="B3" s="363"/>
      <c r="C3" s="404"/>
      <c r="D3" s="404"/>
      <c r="E3" s="404"/>
      <c r="F3" s="404"/>
      <c r="G3" s="404"/>
      <c r="H3" s="404"/>
      <c r="I3" s="404"/>
      <c r="J3" s="404"/>
      <c r="K3" s="404"/>
      <c r="L3" s="207"/>
      <c r="M3" s="207"/>
      <c r="N3" s="404"/>
      <c r="O3" s="404"/>
      <c r="P3" s="404"/>
      <c r="Q3" s="404"/>
      <c r="R3" s="404"/>
      <c r="S3" s="207"/>
      <c r="T3" s="207"/>
      <c r="U3" s="207"/>
      <c r="V3" s="207"/>
      <c r="W3" s="207"/>
      <c r="X3" s="207"/>
      <c r="Y3" s="207"/>
      <c r="Z3" s="312"/>
    </row>
    <row r="4" spans="1:26" ht="36" customHeight="1" thickBot="1" x14ac:dyDescent="0.25">
      <c r="A4" s="684" t="s">
        <v>252</v>
      </c>
      <c r="B4" s="685"/>
      <c r="C4" s="673" t="s">
        <v>46</v>
      </c>
      <c r="D4" s="677"/>
      <c r="E4" s="677"/>
      <c r="F4" s="677"/>
      <c r="G4" s="677"/>
      <c r="H4" s="677"/>
      <c r="I4" s="677"/>
      <c r="J4" s="677"/>
      <c r="K4" s="677"/>
      <c r="L4" s="674"/>
      <c r="M4" s="673" t="s">
        <v>31</v>
      </c>
      <c r="N4" s="677"/>
      <c r="O4" s="677"/>
      <c r="P4" s="677"/>
      <c r="Q4" s="677"/>
      <c r="R4" s="677"/>
      <c r="S4" s="674"/>
      <c r="T4" s="673" t="s">
        <v>93</v>
      </c>
      <c r="U4" s="677"/>
      <c r="V4" s="677"/>
      <c r="W4" s="677"/>
      <c r="X4" s="674"/>
      <c r="Y4" s="498" t="s">
        <v>43</v>
      </c>
      <c r="Z4" s="498" t="s">
        <v>44</v>
      </c>
    </row>
    <row r="5" spans="1:26" ht="29.25" customHeight="1" x14ac:dyDescent="0.2">
      <c r="A5" s="392" t="s">
        <v>117</v>
      </c>
      <c r="B5" s="128"/>
      <c r="C5" s="408"/>
      <c r="D5" s="409"/>
      <c r="E5" s="410"/>
      <c r="F5" s="411"/>
      <c r="G5" s="183"/>
      <c r="H5" s="134"/>
      <c r="I5" s="412"/>
      <c r="J5" s="133"/>
      <c r="K5" s="134"/>
      <c r="L5" s="413"/>
      <c r="M5" s="686" t="s">
        <v>356</v>
      </c>
      <c r="N5" s="687"/>
      <c r="O5" s="687"/>
      <c r="P5" s="687"/>
      <c r="Q5" s="687"/>
      <c r="R5" s="687"/>
      <c r="S5" s="688"/>
      <c r="T5" s="505"/>
      <c r="U5" s="506"/>
      <c r="V5" s="506"/>
      <c r="W5" s="506"/>
      <c r="X5" s="507"/>
      <c r="Y5" s="139"/>
      <c r="Z5" s="12"/>
    </row>
    <row r="6" spans="1:26" ht="29.25" customHeight="1" x14ac:dyDescent="0.2">
      <c r="A6" s="372" t="s">
        <v>139</v>
      </c>
      <c r="B6" s="129"/>
      <c r="C6" s="415"/>
      <c r="D6" s="122"/>
      <c r="E6" s="416"/>
      <c r="F6" s="184"/>
      <c r="G6" s="185"/>
      <c r="H6" s="186"/>
      <c r="I6" s="187"/>
      <c r="J6" s="188"/>
      <c r="K6" s="186"/>
      <c r="L6" s="186"/>
      <c r="M6" s="689" t="s">
        <v>356</v>
      </c>
      <c r="N6" s="690"/>
      <c r="O6" s="690"/>
      <c r="P6" s="690"/>
      <c r="Q6" s="690"/>
      <c r="R6" s="690"/>
      <c r="S6" s="691"/>
      <c r="T6" s="508"/>
      <c r="U6" s="416"/>
      <c r="V6" s="416"/>
      <c r="W6" s="416"/>
      <c r="X6" s="430"/>
      <c r="Y6" s="159"/>
      <c r="Z6" s="13"/>
    </row>
    <row r="7" spans="1:26" ht="29.25" customHeight="1" x14ac:dyDescent="0.2">
      <c r="A7" s="372" t="s">
        <v>119</v>
      </c>
      <c r="B7" s="129"/>
      <c r="C7" s="373">
        <v>0</v>
      </c>
      <c r="D7" s="374"/>
      <c r="E7" s="375"/>
      <c r="F7" s="509"/>
      <c r="G7" s="188"/>
      <c r="H7" s="186"/>
      <c r="I7" s="187"/>
      <c r="J7" s="188"/>
      <c r="K7" s="186"/>
      <c r="L7" s="189"/>
      <c r="M7" s="689" t="s">
        <v>356</v>
      </c>
      <c r="N7" s="690"/>
      <c r="O7" s="690"/>
      <c r="P7" s="690"/>
      <c r="Q7" s="690"/>
      <c r="R7" s="690"/>
      <c r="S7" s="691"/>
      <c r="T7" s="510"/>
      <c r="U7" s="375"/>
      <c r="V7" s="375"/>
      <c r="W7" s="375"/>
      <c r="X7" s="377"/>
      <c r="Y7" s="159"/>
      <c r="Z7" s="13"/>
    </row>
    <row r="8" spans="1:26" ht="29.25" customHeight="1" x14ac:dyDescent="0.2">
      <c r="A8" s="372" t="s">
        <v>121</v>
      </c>
      <c r="B8" s="129"/>
      <c r="C8" s="373">
        <v>0</v>
      </c>
      <c r="D8" s="374"/>
      <c r="E8" s="375"/>
      <c r="F8" s="509"/>
      <c r="G8" s="511"/>
      <c r="H8" s="512"/>
      <c r="I8" s="187"/>
      <c r="J8" s="188"/>
      <c r="K8" s="186"/>
      <c r="L8" s="189"/>
      <c r="M8" s="689" t="s">
        <v>356</v>
      </c>
      <c r="N8" s="690"/>
      <c r="O8" s="690"/>
      <c r="P8" s="690"/>
      <c r="Q8" s="690"/>
      <c r="R8" s="690"/>
      <c r="S8" s="691"/>
      <c r="T8" s="510"/>
      <c r="U8" s="375"/>
      <c r="V8" s="375"/>
      <c r="W8" s="375"/>
      <c r="X8" s="377"/>
      <c r="Y8" s="159"/>
      <c r="Z8" s="13"/>
    </row>
    <row r="9" spans="1:26" ht="29.25" customHeight="1" x14ac:dyDescent="0.2">
      <c r="A9" s="372" t="s">
        <v>123</v>
      </c>
      <c r="B9" s="9"/>
      <c r="C9" s="373">
        <v>0</v>
      </c>
      <c r="D9" s="374"/>
      <c r="E9" s="375"/>
      <c r="F9" s="376"/>
      <c r="G9" s="374"/>
      <c r="H9" s="375"/>
      <c r="I9" s="376"/>
      <c r="J9" s="374"/>
      <c r="K9" s="375"/>
      <c r="L9" s="377">
        <v>0</v>
      </c>
      <c r="M9" s="689" t="s">
        <v>356</v>
      </c>
      <c r="N9" s="690"/>
      <c r="O9" s="690"/>
      <c r="P9" s="690"/>
      <c r="Q9" s="690"/>
      <c r="R9" s="690"/>
      <c r="S9" s="691"/>
      <c r="T9" s="510"/>
      <c r="U9" s="375"/>
      <c r="V9" s="375"/>
      <c r="W9" s="375"/>
      <c r="X9" s="377"/>
      <c r="Y9" s="13"/>
      <c r="Z9" s="13"/>
    </row>
    <row r="10" spans="1:26" ht="29.25" customHeight="1" x14ac:dyDescent="0.2">
      <c r="A10" s="372" t="s">
        <v>125</v>
      </c>
      <c r="B10" s="9"/>
      <c r="C10" s="373">
        <v>0</v>
      </c>
      <c r="D10" s="374"/>
      <c r="E10" s="375"/>
      <c r="F10" s="376"/>
      <c r="G10" s="374"/>
      <c r="H10" s="375"/>
      <c r="I10" s="376"/>
      <c r="J10" s="374"/>
      <c r="K10" s="375"/>
      <c r="L10" s="377">
        <v>0</v>
      </c>
      <c r="M10" s="689" t="s">
        <v>356</v>
      </c>
      <c r="N10" s="690"/>
      <c r="O10" s="690"/>
      <c r="P10" s="690"/>
      <c r="Q10" s="690"/>
      <c r="R10" s="690"/>
      <c r="S10" s="691"/>
      <c r="T10" s="510"/>
      <c r="U10" s="375"/>
      <c r="V10" s="375"/>
      <c r="W10" s="375"/>
      <c r="X10" s="377"/>
      <c r="Y10" s="13"/>
      <c r="Z10" s="13"/>
    </row>
    <row r="11" spans="1:26" ht="29.25" customHeight="1" x14ac:dyDescent="0.2">
      <c r="A11" s="372" t="s">
        <v>127</v>
      </c>
      <c r="B11" s="9"/>
      <c r="C11" s="373">
        <v>0</v>
      </c>
      <c r="D11" s="374"/>
      <c r="E11" s="375"/>
      <c r="F11" s="376"/>
      <c r="G11" s="374"/>
      <c r="H11" s="375"/>
      <c r="I11" s="376"/>
      <c r="J11" s="374"/>
      <c r="K11" s="375"/>
      <c r="L11" s="377">
        <v>0</v>
      </c>
      <c r="M11" s="689" t="s">
        <v>356</v>
      </c>
      <c r="N11" s="690"/>
      <c r="O11" s="690"/>
      <c r="P11" s="690"/>
      <c r="Q11" s="690"/>
      <c r="R11" s="690"/>
      <c r="S11" s="691"/>
      <c r="T11" s="510"/>
      <c r="U11" s="375"/>
      <c r="V11" s="375"/>
      <c r="W11" s="375"/>
      <c r="X11" s="377"/>
      <c r="Y11" s="13"/>
      <c r="Z11" s="13"/>
    </row>
    <row r="12" spans="1:26" ht="29.25" customHeight="1" x14ac:dyDescent="0.2">
      <c r="A12" s="372" t="s">
        <v>129</v>
      </c>
      <c r="B12" s="9"/>
      <c r="C12" s="373">
        <v>0</v>
      </c>
      <c r="D12" s="374"/>
      <c r="E12" s="375"/>
      <c r="F12" s="376"/>
      <c r="G12" s="374"/>
      <c r="H12" s="375"/>
      <c r="I12" s="376"/>
      <c r="J12" s="374"/>
      <c r="K12" s="375"/>
      <c r="L12" s="377">
        <v>0</v>
      </c>
      <c r="M12" s="689" t="s">
        <v>356</v>
      </c>
      <c r="N12" s="690"/>
      <c r="O12" s="690"/>
      <c r="P12" s="690"/>
      <c r="Q12" s="690"/>
      <c r="R12" s="690"/>
      <c r="S12" s="691"/>
      <c r="T12" s="510"/>
      <c r="U12" s="375"/>
      <c r="V12" s="375"/>
      <c r="W12" s="375"/>
      <c r="X12" s="377"/>
      <c r="Y12" s="13"/>
      <c r="Z12" s="13"/>
    </row>
    <row r="13" spans="1:26" ht="29.25" customHeight="1" x14ac:dyDescent="0.2">
      <c r="A13" s="372" t="s">
        <v>131</v>
      </c>
      <c r="B13" s="9"/>
      <c r="C13" s="373">
        <v>0</v>
      </c>
      <c r="D13" s="374"/>
      <c r="E13" s="375"/>
      <c r="F13" s="376"/>
      <c r="G13" s="374"/>
      <c r="H13" s="375"/>
      <c r="I13" s="376"/>
      <c r="J13" s="374"/>
      <c r="K13" s="375"/>
      <c r="L13" s="377">
        <v>0</v>
      </c>
      <c r="M13" s="689" t="s">
        <v>356</v>
      </c>
      <c r="N13" s="690"/>
      <c r="O13" s="690"/>
      <c r="P13" s="690"/>
      <c r="Q13" s="690"/>
      <c r="R13" s="690"/>
      <c r="S13" s="691"/>
      <c r="T13" s="510"/>
      <c r="U13" s="375"/>
      <c r="V13" s="375"/>
      <c r="W13" s="375"/>
      <c r="X13" s="377"/>
      <c r="Y13" s="13"/>
      <c r="Z13" s="13"/>
    </row>
    <row r="14" spans="1:26" ht="29.25" customHeight="1" x14ac:dyDescent="0.2">
      <c r="A14" s="400">
        <v>10</v>
      </c>
      <c r="B14" s="9"/>
      <c r="C14" s="373">
        <v>0</v>
      </c>
      <c r="D14" s="374"/>
      <c r="E14" s="375"/>
      <c r="F14" s="376"/>
      <c r="G14" s="374"/>
      <c r="H14" s="375"/>
      <c r="I14" s="376"/>
      <c r="J14" s="374"/>
      <c r="K14" s="375"/>
      <c r="L14" s="377">
        <v>0</v>
      </c>
      <c r="M14" s="689" t="s">
        <v>356</v>
      </c>
      <c r="N14" s="690"/>
      <c r="O14" s="690"/>
      <c r="P14" s="690"/>
      <c r="Q14" s="690"/>
      <c r="R14" s="690"/>
      <c r="S14" s="691"/>
      <c r="T14" s="510"/>
      <c r="U14" s="375"/>
      <c r="V14" s="375"/>
      <c r="W14" s="375"/>
      <c r="X14" s="377"/>
      <c r="Y14" s="13"/>
      <c r="Z14" s="13"/>
    </row>
    <row r="15" spans="1:26" ht="29.25" customHeight="1" x14ac:dyDescent="0.2">
      <c r="A15" s="400">
        <v>11</v>
      </c>
      <c r="B15" s="9"/>
      <c r="C15" s="373">
        <v>0</v>
      </c>
      <c r="D15" s="374"/>
      <c r="E15" s="375"/>
      <c r="F15" s="376"/>
      <c r="G15" s="374"/>
      <c r="H15" s="375"/>
      <c r="I15" s="376"/>
      <c r="J15" s="374"/>
      <c r="K15" s="375"/>
      <c r="L15" s="377">
        <v>0</v>
      </c>
      <c r="M15" s="689" t="s">
        <v>356</v>
      </c>
      <c r="N15" s="690"/>
      <c r="O15" s="690"/>
      <c r="P15" s="690"/>
      <c r="Q15" s="690"/>
      <c r="R15" s="690"/>
      <c r="S15" s="691"/>
      <c r="T15" s="510"/>
      <c r="U15" s="375"/>
      <c r="V15" s="375"/>
      <c r="W15" s="375"/>
      <c r="X15" s="377"/>
      <c r="Y15" s="13"/>
      <c r="Z15" s="13"/>
    </row>
    <row r="16" spans="1:26" ht="29.25" customHeight="1" thickBot="1" x14ac:dyDescent="0.25">
      <c r="A16" s="400">
        <v>12</v>
      </c>
      <c r="B16" s="9"/>
      <c r="C16" s="513">
        <v>0</v>
      </c>
      <c r="D16" s="447"/>
      <c r="E16" s="448"/>
      <c r="F16" s="449"/>
      <c r="G16" s="447"/>
      <c r="H16" s="448"/>
      <c r="I16" s="449"/>
      <c r="J16" s="447"/>
      <c r="K16" s="448"/>
      <c r="L16" s="450">
        <v>0</v>
      </c>
      <c r="M16" s="692" t="s">
        <v>356</v>
      </c>
      <c r="N16" s="693"/>
      <c r="O16" s="693"/>
      <c r="P16" s="693"/>
      <c r="Q16" s="693"/>
      <c r="R16" s="693"/>
      <c r="S16" s="694"/>
      <c r="T16" s="510"/>
      <c r="U16" s="375"/>
      <c r="V16" s="375"/>
      <c r="W16" s="375"/>
      <c r="X16" s="377"/>
      <c r="Y16" s="13"/>
      <c r="Z16" s="13"/>
    </row>
    <row r="17" spans="1:26" ht="29.25" customHeight="1" thickBot="1" x14ac:dyDescent="0.25">
      <c r="A17" s="675" t="s">
        <v>331</v>
      </c>
      <c r="B17" s="676"/>
      <c r="C17" s="514"/>
      <c r="D17" s="504"/>
      <c r="E17" s="515"/>
      <c r="F17" s="190"/>
      <c r="G17" s="191"/>
      <c r="H17" s="192"/>
      <c r="I17" s="190"/>
      <c r="J17" s="191"/>
      <c r="K17" s="192"/>
      <c r="L17" s="193"/>
      <c r="M17" s="530" t="s">
        <v>369</v>
      </c>
      <c r="N17" s="531"/>
      <c r="O17" s="531"/>
      <c r="P17" s="531"/>
      <c r="Q17" s="531"/>
      <c r="R17" s="531"/>
      <c r="S17" s="531"/>
      <c r="T17" s="531"/>
      <c r="U17" s="531"/>
      <c r="V17" s="531"/>
      <c r="W17" s="531"/>
      <c r="X17" s="531"/>
      <c r="Y17" s="531"/>
      <c r="Z17" s="531"/>
    </row>
    <row r="18" spans="1:26" ht="29.25" customHeight="1" thickBot="1" x14ac:dyDescent="0.25">
      <c r="A18" s="673" t="s">
        <v>140</v>
      </c>
      <c r="B18" s="674"/>
      <c r="C18" s="420">
        <v>0</v>
      </c>
      <c r="D18" s="421"/>
      <c r="E18" s="422"/>
      <c r="F18" s="194"/>
      <c r="G18" s="195"/>
      <c r="H18" s="196"/>
      <c r="I18" s="194"/>
      <c r="J18" s="195"/>
      <c r="K18" s="196"/>
      <c r="L18" s="197"/>
      <c r="M18" s="541"/>
      <c r="N18" s="532"/>
      <c r="O18" s="532"/>
      <c r="P18" s="532"/>
      <c r="Q18" s="532"/>
      <c r="R18" s="532"/>
      <c r="S18" s="532"/>
      <c r="T18" s="532"/>
      <c r="U18" s="532"/>
      <c r="V18" s="532"/>
      <c r="W18" s="532"/>
      <c r="X18" s="532"/>
      <c r="Y18" s="532"/>
      <c r="Z18" s="532"/>
    </row>
    <row r="34" spans="7:17" x14ac:dyDescent="0.2">
      <c r="L34" s="332"/>
      <c r="M34" s="494"/>
      <c r="O34" s="332"/>
      <c r="P34" s="332"/>
      <c r="Q34" s="332"/>
    </row>
    <row r="44" spans="7:17" x14ac:dyDescent="0.2">
      <c r="G44" s="529"/>
    </row>
  </sheetData>
  <mergeCells count="18">
    <mergeCell ref="T4:X4"/>
    <mergeCell ref="A17:B17"/>
    <mergeCell ref="A18:B18"/>
    <mergeCell ref="A4:B4"/>
    <mergeCell ref="C4:L4"/>
    <mergeCell ref="M5:S5"/>
    <mergeCell ref="M6:S6"/>
    <mergeCell ref="M7:S7"/>
    <mergeCell ref="M14:S14"/>
    <mergeCell ref="M15:S15"/>
    <mergeCell ref="M16:S16"/>
    <mergeCell ref="M8:S8"/>
    <mergeCell ref="M9:S9"/>
    <mergeCell ref="M10:S10"/>
    <mergeCell ref="M11:S11"/>
    <mergeCell ref="M12:S12"/>
    <mergeCell ref="M13:S13"/>
    <mergeCell ref="M4:S4"/>
  </mergeCells>
  <phoneticPr fontId="2"/>
  <dataValidations count="4">
    <dataValidation type="textLength" allowBlank="1" showInputMessage="1" showErrorMessage="1" errorTitle="入力値エラー" error="100文字以内で入力してください｡" sqref="A17 B5:B16" xr:uid="{00000000-0002-0000-0400-000000000000}">
      <formula1>0</formula1>
      <formula2>100</formula2>
    </dataValidation>
    <dataValidation type="textLength" allowBlank="1" showInputMessage="1" showErrorMessage="1" errorTitle="入力値エラー" error="50文字以内で入力してください｡" sqref="Z5:Z16" xr:uid="{00000000-0002-0000-0400-000001000000}">
      <formula1>0</formula1>
      <formula2>50</formula2>
    </dataValidation>
    <dataValidation type="textLength" allowBlank="1" showInputMessage="1" showErrorMessage="1" errorTitle="入力値エラー" error="40文字以内で入力してください｡" sqref="Y5:Y16" xr:uid="{00000000-0002-0000-0400-000002000000}">
      <formula1>0</formula1>
      <formula2>40</formula2>
    </dataValidation>
    <dataValidation type="whole" imeMode="disabled" allowBlank="1" showInputMessage="1" showErrorMessage="1" errorTitle="入力値エラー" error="数字を入力してください。_x000a_もしくは、12桁以内で入力してください。" sqref="T6:X6 C6:E6" xr:uid="{00000000-0002-0000-0400-000003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Q44"/>
  <sheetViews>
    <sheetView showZeros="0" view="pageBreakPreview" zoomScale="85" zoomScaleNormal="100" zoomScaleSheetLayoutView="85" workbookViewId="0">
      <selection activeCell="M21" sqref="M21"/>
    </sheetView>
  </sheetViews>
  <sheetFormatPr defaultRowHeight="14.4" x14ac:dyDescent="0.2"/>
  <cols>
    <col min="1" max="1" width="3.59765625" style="333" customWidth="1"/>
    <col min="2" max="2" width="36.09765625" style="333" customWidth="1"/>
    <col min="3" max="12" width="3.5" style="296" customWidth="1"/>
    <col min="13" max="13" width="46.09765625" style="333" customWidth="1"/>
    <col min="14" max="16384" width="8.796875" style="333"/>
  </cols>
  <sheetData>
    <row r="1" spans="1:13" ht="13.5" customHeight="1" x14ac:dyDescent="0.2">
      <c r="A1" s="293"/>
      <c r="B1" s="293"/>
      <c r="C1" s="293"/>
      <c r="D1" s="293"/>
      <c r="E1" s="293"/>
      <c r="F1" s="293"/>
      <c r="G1" s="293"/>
      <c r="H1" s="293"/>
      <c r="I1" s="293"/>
      <c r="J1" s="293"/>
      <c r="K1" s="293"/>
      <c r="L1" s="293"/>
      <c r="M1" s="496" t="s">
        <v>109</v>
      </c>
    </row>
    <row r="2" spans="1:13" ht="13.5" customHeight="1" thickBot="1" x14ac:dyDescent="0.25">
      <c r="A2" s="293"/>
      <c r="B2" s="297"/>
      <c r="C2" s="297"/>
      <c r="D2" s="297"/>
      <c r="E2" s="297"/>
      <c r="F2" s="297"/>
      <c r="G2" s="297"/>
      <c r="H2" s="297"/>
      <c r="I2" s="297"/>
      <c r="J2" s="297"/>
      <c r="K2" s="297"/>
      <c r="L2" s="297"/>
      <c r="M2" s="297"/>
    </row>
    <row r="3" spans="1:13" ht="24" customHeight="1" thickBot="1" x14ac:dyDescent="0.25">
      <c r="A3" s="306" t="s">
        <v>32</v>
      </c>
      <c r="B3" s="363"/>
      <c r="C3" s="404"/>
      <c r="D3" s="404"/>
      <c r="E3" s="404"/>
      <c r="F3" s="404"/>
      <c r="G3" s="404"/>
      <c r="H3" s="404"/>
      <c r="I3" s="404"/>
      <c r="J3" s="404"/>
      <c r="K3" s="404"/>
      <c r="L3" s="207"/>
      <c r="M3" s="312"/>
    </row>
    <row r="4" spans="1:13" ht="24" customHeight="1" thickBot="1" x14ac:dyDescent="0.25">
      <c r="A4" s="673" t="s">
        <v>34</v>
      </c>
      <c r="B4" s="674"/>
      <c r="C4" s="673" t="s">
        <v>46</v>
      </c>
      <c r="D4" s="677"/>
      <c r="E4" s="677"/>
      <c r="F4" s="677"/>
      <c r="G4" s="677"/>
      <c r="H4" s="677"/>
      <c r="I4" s="677"/>
      <c r="J4" s="677"/>
      <c r="K4" s="677"/>
      <c r="L4" s="674"/>
      <c r="M4" s="498" t="s">
        <v>143</v>
      </c>
    </row>
    <row r="5" spans="1:13" ht="28.5" customHeight="1" x14ac:dyDescent="0.2">
      <c r="A5" s="392" t="s">
        <v>117</v>
      </c>
      <c r="B5" s="117"/>
      <c r="C5" s="408"/>
      <c r="D5" s="409"/>
      <c r="E5" s="410"/>
      <c r="F5" s="411"/>
      <c r="G5" s="135"/>
      <c r="H5" s="136"/>
      <c r="I5" s="412"/>
      <c r="J5" s="135"/>
      <c r="K5" s="136"/>
      <c r="L5" s="413"/>
      <c r="M5" s="119"/>
    </row>
    <row r="6" spans="1:13" ht="28.5" customHeight="1" x14ac:dyDescent="0.2">
      <c r="A6" s="372" t="s">
        <v>139</v>
      </c>
      <c r="B6" s="9"/>
      <c r="C6" s="415"/>
      <c r="D6" s="122"/>
      <c r="E6" s="416"/>
      <c r="F6" s="417"/>
      <c r="G6" s="122"/>
      <c r="H6" s="416"/>
      <c r="I6" s="417"/>
      <c r="J6" s="122"/>
      <c r="K6" s="416"/>
      <c r="L6" s="430"/>
      <c r="M6" s="13"/>
    </row>
    <row r="7" spans="1:13" ht="28.5" customHeight="1" x14ac:dyDescent="0.2">
      <c r="A7" s="372" t="s">
        <v>119</v>
      </c>
      <c r="B7" s="9"/>
      <c r="C7" s="373">
        <v>0</v>
      </c>
      <c r="D7" s="374"/>
      <c r="E7" s="375"/>
      <c r="F7" s="376"/>
      <c r="G7" s="374"/>
      <c r="H7" s="375"/>
      <c r="I7" s="376"/>
      <c r="J7" s="374"/>
      <c r="K7" s="375"/>
      <c r="L7" s="377">
        <v>0</v>
      </c>
      <c r="M7" s="13"/>
    </row>
    <row r="8" spans="1:13" ht="28.5" customHeight="1" x14ac:dyDescent="0.2">
      <c r="A8" s="372" t="s">
        <v>121</v>
      </c>
      <c r="B8" s="9"/>
      <c r="C8" s="373">
        <v>0</v>
      </c>
      <c r="D8" s="374"/>
      <c r="E8" s="375"/>
      <c r="F8" s="376"/>
      <c r="G8" s="374"/>
      <c r="H8" s="375"/>
      <c r="I8" s="376"/>
      <c r="J8" s="374"/>
      <c r="K8" s="375"/>
      <c r="L8" s="377">
        <v>0</v>
      </c>
      <c r="M8" s="13"/>
    </row>
    <row r="9" spans="1:13" ht="28.5" customHeight="1" x14ac:dyDescent="0.2">
      <c r="A9" s="372" t="s">
        <v>123</v>
      </c>
      <c r="B9" s="9"/>
      <c r="C9" s="373">
        <v>0</v>
      </c>
      <c r="D9" s="374"/>
      <c r="E9" s="375"/>
      <c r="F9" s="376"/>
      <c r="G9" s="374"/>
      <c r="H9" s="375"/>
      <c r="I9" s="376"/>
      <c r="J9" s="374"/>
      <c r="K9" s="375"/>
      <c r="L9" s="377">
        <v>0</v>
      </c>
      <c r="M9" s="13"/>
    </row>
    <row r="10" spans="1:13" ht="28.5" customHeight="1" x14ac:dyDescent="0.2">
      <c r="A10" s="372" t="s">
        <v>125</v>
      </c>
      <c r="B10" s="9"/>
      <c r="C10" s="373">
        <v>0</v>
      </c>
      <c r="D10" s="374"/>
      <c r="E10" s="375"/>
      <c r="F10" s="376"/>
      <c r="G10" s="374"/>
      <c r="H10" s="375"/>
      <c r="I10" s="376"/>
      <c r="J10" s="374"/>
      <c r="K10" s="375"/>
      <c r="L10" s="377">
        <v>0</v>
      </c>
      <c r="M10" s="13"/>
    </row>
    <row r="11" spans="1:13" ht="28.5" customHeight="1" x14ac:dyDescent="0.2">
      <c r="A11" s="372" t="s">
        <v>127</v>
      </c>
      <c r="B11" s="9"/>
      <c r="C11" s="373">
        <v>0</v>
      </c>
      <c r="D11" s="374"/>
      <c r="E11" s="375"/>
      <c r="F11" s="376"/>
      <c r="G11" s="374"/>
      <c r="H11" s="375"/>
      <c r="I11" s="376"/>
      <c r="J11" s="374"/>
      <c r="K11" s="375"/>
      <c r="L11" s="377">
        <v>0</v>
      </c>
      <c r="M11" s="13"/>
    </row>
    <row r="12" spans="1:13" ht="28.5" customHeight="1" x14ac:dyDescent="0.2">
      <c r="A12" s="372" t="s">
        <v>129</v>
      </c>
      <c r="B12" s="9"/>
      <c r="C12" s="373">
        <v>0</v>
      </c>
      <c r="D12" s="374"/>
      <c r="E12" s="375"/>
      <c r="F12" s="376"/>
      <c r="G12" s="374"/>
      <c r="H12" s="375"/>
      <c r="I12" s="376"/>
      <c r="J12" s="374"/>
      <c r="K12" s="375"/>
      <c r="L12" s="377">
        <v>0</v>
      </c>
      <c r="M12" s="13"/>
    </row>
    <row r="13" spans="1:13" ht="28.5" customHeight="1" x14ac:dyDescent="0.2">
      <c r="A13" s="372" t="s">
        <v>131</v>
      </c>
      <c r="B13" s="9"/>
      <c r="C13" s="373">
        <v>0</v>
      </c>
      <c r="D13" s="374"/>
      <c r="E13" s="375"/>
      <c r="F13" s="376"/>
      <c r="G13" s="374"/>
      <c r="H13" s="375"/>
      <c r="I13" s="376"/>
      <c r="J13" s="374"/>
      <c r="K13" s="375"/>
      <c r="L13" s="377">
        <v>0</v>
      </c>
      <c r="M13" s="13"/>
    </row>
    <row r="14" spans="1:13" ht="28.5" customHeight="1" x14ac:dyDescent="0.2">
      <c r="A14" s="400">
        <v>10</v>
      </c>
      <c r="B14" s="9"/>
      <c r="C14" s="373">
        <v>0</v>
      </c>
      <c r="D14" s="374"/>
      <c r="E14" s="375"/>
      <c r="F14" s="376"/>
      <c r="G14" s="374"/>
      <c r="H14" s="375"/>
      <c r="I14" s="376"/>
      <c r="J14" s="374"/>
      <c r="K14" s="375"/>
      <c r="L14" s="377">
        <v>0</v>
      </c>
      <c r="M14" s="13"/>
    </row>
    <row r="15" spans="1:13" ht="28.5" customHeight="1" x14ac:dyDescent="0.2">
      <c r="A15" s="400">
        <v>11</v>
      </c>
      <c r="B15" s="9"/>
      <c r="C15" s="373">
        <v>0</v>
      </c>
      <c r="D15" s="374"/>
      <c r="E15" s="375"/>
      <c r="F15" s="376"/>
      <c r="G15" s="374"/>
      <c r="H15" s="375"/>
      <c r="I15" s="376"/>
      <c r="J15" s="374"/>
      <c r="K15" s="375"/>
      <c r="L15" s="377">
        <v>0</v>
      </c>
      <c r="M15" s="13"/>
    </row>
    <row r="16" spans="1:13" ht="28.5" customHeight="1" thickBot="1" x14ac:dyDescent="0.25">
      <c r="A16" s="400">
        <v>12</v>
      </c>
      <c r="B16" s="9"/>
      <c r="C16" s="373">
        <v>0</v>
      </c>
      <c r="D16" s="374"/>
      <c r="E16" s="375"/>
      <c r="F16" s="376"/>
      <c r="G16" s="374"/>
      <c r="H16" s="375"/>
      <c r="I16" s="376"/>
      <c r="J16" s="374"/>
      <c r="K16" s="375"/>
      <c r="L16" s="377">
        <v>0</v>
      </c>
      <c r="M16" s="13"/>
    </row>
    <row r="17" spans="1:13" ht="28.5" customHeight="1" thickBot="1" x14ac:dyDescent="0.25">
      <c r="A17" s="675" t="s">
        <v>332</v>
      </c>
      <c r="B17" s="676"/>
      <c r="C17" s="420"/>
      <c r="D17" s="421"/>
      <c r="E17" s="422"/>
      <c r="F17" s="423"/>
      <c r="G17" s="103"/>
      <c r="H17" s="104"/>
      <c r="I17" s="105"/>
      <c r="J17" s="103"/>
      <c r="K17" s="104"/>
      <c r="L17" s="106"/>
      <c r="M17" s="671" t="s">
        <v>397</v>
      </c>
    </row>
    <row r="18" spans="1:13" ht="28.5" customHeight="1" thickBot="1" x14ac:dyDescent="0.25">
      <c r="A18" s="673" t="s">
        <v>45</v>
      </c>
      <c r="B18" s="674"/>
      <c r="C18" s="420"/>
      <c r="D18" s="421"/>
      <c r="E18" s="422"/>
      <c r="F18" s="423"/>
      <c r="G18" s="421"/>
      <c r="H18" s="104"/>
      <c r="I18" s="105"/>
      <c r="J18" s="103"/>
      <c r="K18" s="104"/>
      <c r="L18" s="106"/>
      <c r="M18" s="672"/>
    </row>
    <row r="19" spans="1:13" ht="28.5" customHeight="1" thickBot="1" x14ac:dyDescent="0.25">
      <c r="A19" s="673" t="s">
        <v>148</v>
      </c>
      <c r="B19" s="674"/>
      <c r="C19" s="420">
        <v>0</v>
      </c>
      <c r="D19" s="421"/>
      <c r="E19" s="422"/>
      <c r="F19" s="423"/>
      <c r="G19" s="103"/>
      <c r="H19" s="104"/>
      <c r="I19" s="105"/>
      <c r="J19" s="103"/>
      <c r="K19" s="104"/>
      <c r="L19" s="106"/>
      <c r="M19" s="672"/>
    </row>
    <row r="20" spans="1:13" x14ac:dyDescent="0.2">
      <c r="M20" s="672"/>
    </row>
    <row r="34" spans="7:17" x14ac:dyDescent="0.2">
      <c r="L34" s="332"/>
      <c r="M34" s="494"/>
      <c r="O34" s="494"/>
      <c r="P34" s="494"/>
      <c r="Q34" s="494"/>
    </row>
    <row r="44" spans="7:17" x14ac:dyDescent="0.2">
      <c r="G44" s="529"/>
    </row>
  </sheetData>
  <mergeCells count="6">
    <mergeCell ref="M17:M20"/>
    <mergeCell ref="A19:B19"/>
    <mergeCell ref="A4:B4"/>
    <mergeCell ref="C4:L4"/>
    <mergeCell ref="A17:B17"/>
    <mergeCell ref="A18:B18"/>
  </mergeCells>
  <phoneticPr fontId="2"/>
  <dataValidations count="3">
    <dataValidation type="textLength" allowBlank="1" showInputMessage="1" showErrorMessage="1" errorTitle="入力値エラー" error="100文字以内で入力してください｡" sqref="A17 B5:B16" xr:uid="{00000000-0002-0000-0500-000000000000}">
      <formula1>0</formula1>
      <formula2>100</formula2>
    </dataValidation>
    <dataValidation type="textLength" allowBlank="1" showInputMessage="1" showErrorMessage="1" errorTitle="入力値エラー" error="50文字以内で入力してください｡" sqref="M5:M16" xr:uid="{00000000-0002-0000-0500-000001000000}">
      <formula1>0</formula1>
      <formula2>50</formula2>
    </dataValidation>
    <dataValidation type="whole" imeMode="disabled" allowBlank="1" showInputMessage="1" showErrorMessage="1" errorTitle="入力値エラー" error="数字を入力してください。_x000a_もしくは、12桁以内で入力してください。" sqref="C6:L6" xr:uid="{00000000-0002-0000-0500-000002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R44"/>
  <sheetViews>
    <sheetView showZeros="0" view="pageBreakPreview" zoomScale="115" zoomScaleNormal="100" zoomScaleSheetLayoutView="115" workbookViewId="0">
      <selection activeCell="M21" sqref="M21"/>
    </sheetView>
  </sheetViews>
  <sheetFormatPr defaultColWidth="9" defaultRowHeight="14.4" x14ac:dyDescent="0.2"/>
  <cols>
    <col min="1" max="1" width="3.59765625" style="296" customWidth="1"/>
    <col min="2" max="2" width="20.09765625" style="296" customWidth="1"/>
    <col min="3" max="12" width="2.69921875" style="296" customWidth="1"/>
    <col min="13" max="13" width="10.5" style="296" customWidth="1"/>
    <col min="14" max="14" width="25.59765625" style="296" customWidth="1"/>
    <col min="15" max="15" width="8" style="296" customWidth="1"/>
    <col min="16" max="16" width="16.19921875" style="296" customWidth="1"/>
    <col min="17" max="18" width="9" style="296" customWidth="1"/>
    <col min="19" max="16384" width="9" style="296"/>
  </cols>
  <sheetData>
    <row r="1" spans="1:18" ht="13.5" customHeight="1" x14ac:dyDescent="0.2">
      <c r="A1" s="293"/>
      <c r="B1" s="293"/>
      <c r="C1" s="293"/>
      <c r="D1" s="293"/>
      <c r="E1" s="293"/>
      <c r="F1" s="293"/>
      <c r="G1" s="293"/>
      <c r="H1" s="293"/>
      <c r="I1" s="293"/>
      <c r="J1" s="293"/>
      <c r="K1" s="293"/>
      <c r="L1" s="293"/>
      <c r="M1" s="293"/>
      <c r="N1" s="293"/>
      <c r="O1" s="293"/>
      <c r="P1" s="293"/>
      <c r="Q1" s="295" t="s">
        <v>110</v>
      </c>
      <c r="R1" s="295"/>
    </row>
    <row r="2" spans="1:18" ht="13.5" customHeight="1" thickBot="1" x14ac:dyDescent="0.25">
      <c r="A2" s="293"/>
      <c r="B2" s="297"/>
      <c r="C2" s="297"/>
      <c r="D2" s="297"/>
      <c r="E2" s="297"/>
      <c r="F2" s="297"/>
      <c r="G2" s="297"/>
      <c r="H2" s="297"/>
      <c r="I2" s="297"/>
      <c r="J2" s="297"/>
      <c r="K2" s="297"/>
      <c r="L2" s="297"/>
      <c r="M2" s="297"/>
      <c r="N2" s="297"/>
      <c r="O2" s="297"/>
      <c r="P2" s="293"/>
      <c r="Q2" s="293"/>
      <c r="R2" s="293"/>
    </row>
    <row r="3" spans="1:18" ht="25.5" customHeight="1" x14ac:dyDescent="0.2">
      <c r="A3" s="715" t="s">
        <v>150</v>
      </c>
      <c r="B3" s="716"/>
      <c r="C3" s="716"/>
      <c r="D3" s="716"/>
      <c r="E3" s="716"/>
      <c r="F3" s="716"/>
      <c r="G3" s="716"/>
      <c r="H3" s="716"/>
      <c r="I3" s="716"/>
      <c r="J3" s="716"/>
      <c r="K3" s="716"/>
      <c r="L3" s="717"/>
      <c r="M3" s="697" t="s">
        <v>339</v>
      </c>
      <c r="N3" s="698"/>
      <c r="O3" s="710" t="s">
        <v>236</v>
      </c>
      <c r="P3" s="711"/>
      <c r="Q3" s="712"/>
      <c r="R3" s="501"/>
    </row>
    <row r="4" spans="1:18" ht="15" customHeight="1" thickBot="1" x14ac:dyDescent="0.25">
      <c r="A4" s="718"/>
      <c r="B4" s="719"/>
      <c r="C4" s="719"/>
      <c r="D4" s="719"/>
      <c r="E4" s="719"/>
      <c r="F4" s="719"/>
      <c r="G4" s="719"/>
      <c r="H4" s="719"/>
      <c r="I4" s="719"/>
      <c r="J4" s="719"/>
      <c r="K4" s="719"/>
      <c r="L4" s="720"/>
      <c r="M4" s="708" t="s">
        <v>340</v>
      </c>
      <c r="N4" s="709"/>
      <c r="O4" s="713"/>
      <c r="P4" s="713"/>
      <c r="Q4" s="714"/>
      <c r="R4" s="501"/>
    </row>
    <row r="5" spans="1:18" s="499" customFormat="1" ht="36" customHeight="1" thickBot="1" x14ac:dyDescent="0.25">
      <c r="A5" s="699" t="s">
        <v>241</v>
      </c>
      <c r="B5" s="724"/>
      <c r="C5" s="721" t="s">
        <v>46</v>
      </c>
      <c r="D5" s="722"/>
      <c r="E5" s="722"/>
      <c r="F5" s="722"/>
      <c r="G5" s="722"/>
      <c r="H5" s="722"/>
      <c r="I5" s="722"/>
      <c r="J5" s="722"/>
      <c r="K5" s="722"/>
      <c r="L5" s="723"/>
      <c r="M5" s="405" t="s">
        <v>145</v>
      </c>
      <c r="N5" s="699" t="s">
        <v>242</v>
      </c>
      <c r="O5" s="700"/>
      <c r="P5" s="502" t="s">
        <v>243</v>
      </c>
      <c r="Q5" s="407" t="s">
        <v>47</v>
      </c>
      <c r="R5" s="503"/>
    </row>
    <row r="6" spans="1:18" ht="27.75" customHeight="1" x14ac:dyDescent="0.2">
      <c r="A6" s="392" t="s">
        <v>117</v>
      </c>
      <c r="B6" s="117"/>
      <c r="C6" s="408"/>
      <c r="D6" s="409"/>
      <c r="E6" s="410"/>
      <c r="F6" s="412"/>
      <c r="G6" s="153"/>
      <c r="H6" s="154"/>
      <c r="I6" s="412"/>
      <c r="J6" s="155"/>
      <c r="K6" s="154"/>
      <c r="L6" s="413"/>
      <c r="M6" s="53" t="s">
        <v>151</v>
      </c>
      <c r="N6" s="701"/>
      <c r="O6" s="702"/>
      <c r="P6" s="139"/>
      <c r="Q6" s="15"/>
      <c r="R6" s="277"/>
    </row>
    <row r="7" spans="1:18" ht="27.75" customHeight="1" x14ac:dyDescent="0.2">
      <c r="A7" s="372" t="s">
        <v>139</v>
      </c>
      <c r="B7" s="118"/>
      <c r="C7" s="415"/>
      <c r="D7" s="122"/>
      <c r="E7" s="416"/>
      <c r="F7" s="98"/>
      <c r="G7" s="152"/>
      <c r="H7" s="148"/>
      <c r="I7" s="149"/>
      <c r="J7" s="150"/>
      <c r="K7" s="148"/>
      <c r="L7" s="151"/>
      <c r="M7" s="53" t="s">
        <v>151</v>
      </c>
      <c r="N7" s="703"/>
      <c r="O7" s="704"/>
      <c r="P7" s="198"/>
      <c r="Q7" s="17"/>
      <c r="R7" s="278"/>
    </row>
    <row r="8" spans="1:18" ht="27.75" customHeight="1" x14ac:dyDescent="0.2">
      <c r="A8" s="372" t="s">
        <v>119</v>
      </c>
      <c r="B8" s="118"/>
      <c r="C8" s="373">
        <v>0</v>
      </c>
      <c r="D8" s="374"/>
      <c r="E8" s="375"/>
      <c r="F8" s="146"/>
      <c r="G8" s="147"/>
      <c r="H8" s="148"/>
      <c r="I8" s="149"/>
      <c r="J8" s="150"/>
      <c r="K8" s="148"/>
      <c r="L8" s="151"/>
      <c r="M8" s="53" t="s">
        <v>151</v>
      </c>
      <c r="N8" s="703"/>
      <c r="O8" s="704"/>
      <c r="P8" s="198"/>
      <c r="Q8" s="17"/>
      <c r="R8" s="278"/>
    </row>
    <row r="9" spans="1:18" ht="27.75" customHeight="1" x14ac:dyDescent="0.2">
      <c r="A9" s="372" t="s">
        <v>121</v>
      </c>
      <c r="B9" s="9"/>
      <c r="C9" s="373">
        <v>0</v>
      </c>
      <c r="D9" s="374"/>
      <c r="E9" s="375"/>
      <c r="F9" s="376"/>
      <c r="G9" s="504"/>
      <c r="H9" s="375"/>
      <c r="I9" s="376"/>
      <c r="J9" s="374"/>
      <c r="K9" s="375"/>
      <c r="L9" s="377">
        <v>0</v>
      </c>
      <c r="M9" s="53" t="s">
        <v>151</v>
      </c>
      <c r="N9" s="695"/>
      <c r="O9" s="696"/>
      <c r="P9" s="16"/>
      <c r="Q9" s="17"/>
      <c r="R9" s="278"/>
    </row>
    <row r="10" spans="1:18" ht="27.75" customHeight="1" x14ac:dyDescent="0.2">
      <c r="A10" s="372" t="s">
        <v>123</v>
      </c>
      <c r="B10" s="9"/>
      <c r="C10" s="373">
        <v>0</v>
      </c>
      <c r="D10" s="374"/>
      <c r="E10" s="375"/>
      <c r="F10" s="376"/>
      <c r="G10" s="374"/>
      <c r="H10" s="375"/>
      <c r="I10" s="376"/>
      <c r="J10" s="374"/>
      <c r="K10" s="375"/>
      <c r="L10" s="377">
        <v>0</v>
      </c>
      <c r="M10" s="53" t="s">
        <v>151</v>
      </c>
      <c r="N10" s="695"/>
      <c r="O10" s="696"/>
      <c r="P10" s="16"/>
      <c r="Q10" s="17"/>
      <c r="R10" s="278"/>
    </row>
    <row r="11" spans="1:18" ht="27.75" customHeight="1" x14ac:dyDescent="0.2">
      <c r="A11" s="372" t="s">
        <v>125</v>
      </c>
      <c r="B11" s="9"/>
      <c r="C11" s="373">
        <v>0</v>
      </c>
      <c r="D11" s="374"/>
      <c r="E11" s="375"/>
      <c r="F11" s="376"/>
      <c r="G11" s="374"/>
      <c r="H11" s="375"/>
      <c r="I11" s="376"/>
      <c r="J11" s="374"/>
      <c r="K11" s="375"/>
      <c r="L11" s="377">
        <v>0</v>
      </c>
      <c r="M11" s="53" t="s">
        <v>151</v>
      </c>
      <c r="N11" s="695"/>
      <c r="O11" s="696"/>
      <c r="P11" s="16"/>
      <c r="Q11" s="17"/>
      <c r="R11" s="278"/>
    </row>
    <row r="12" spans="1:18" ht="27.75" customHeight="1" x14ac:dyDescent="0.2">
      <c r="A12" s="372" t="s">
        <v>127</v>
      </c>
      <c r="B12" s="9"/>
      <c r="C12" s="373">
        <v>0</v>
      </c>
      <c r="D12" s="374"/>
      <c r="E12" s="375"/>
      <c r="F12" s="376"/>
      <c r="G12" s="374"/>
      <c r="H12" s="375"/>
      <c r="I12" s="376"/>
      <c r="J12" s="374"/>
      <c r="K12" s="375"/>
      <c r="L12" s="377">
        <v>0</v>
      </c>
      <c r="M12" s="53" t="s">
        <v>151</v>
      </c>
      <c r="N12" s="695"/>
      <c r="O12" s="696"/>
      <c r="P12" s="16"/>
      <c r="Q12" s="17"/>
      <c r="R12" s="278"/>
    </row>
    <row r="13" spans="1:18" ht="27.75" customHeight="1" x14ac:dyDescent="0.2">
      <c r="A13" s="372" t="s">
        <v>129</v>
      </c>
      <c r="B13" s="9"/>
      <c r="C13" s="373">
        <v>0</v>
      </c>
      <c r="D13" s="374"/>
      <c r="E13" s="375"/>
      <c r="F13" s="376"/>
      <c r="G13" s="374"/>
      <c r="H13" s="375"/>
      <c r="I13" s="376"/>
      <c r="J13" s="374"/>
      <c r="K13" s="375"/>
      <c r="L13" s="377">
        <v>0</v>
      </c>
      <c r="M13" s="53" t="s">
        <v>151</v>
      </c>
      <c r="N13" s="695"/>
      <c r="O13" s="696"/>
      <c r="P13" s="16"/>
      <c r="Q13" s="17"/>
      <c r="R13" s="278"/>
    </row>
    <row r="14" spans="1:18" ht="27.75" customHeight="1" x14ac:dyDescent="0.2">
      <c r="A14" s="372" t="s">
        <v>131</v>
      </c>
      <c r="B14" s="9"/>
      <c r="C14" s="373">
        <v>0</v>
      </c>
      <c r="D14" s="374"/>
      <c r="E14" s="375"/>
      <c r="F14" s="376"/>
      <c r="G14" s="374"/>
      <c r="H14" s="375"/>
      <c r="I14" s="376"/>
      <c r="J14" s="374"/>
      <c r="K14" s="375"/>
      <c r="L14" s="377">
        <v>0</v>
      </c>
      <c r="M14" s="53" t="s">
        <v>151</v>
      </c>
      <c r="N14" s="695"/>
      <c r="O14" s="696"/>
      <c r="P14" s="18"/>
      <c r="Q14" s="19"/>
      <c r="R14" s="278"/>
    </row>
    <row r="15" spans="1:18" ht="27.75" customHeight="1" x14ac:dyDescent="0.2">
      <c r="A15" s="400">
        <v>10</v>
      </c>
      <c r="B15" s="9"/>
      <c r="C15" s="373">
        <v>0</v>
      </c>
      <c r="D15" s="374"/>
      <c r="E15" s="375"/>
      <c r="F15" s="376"/>
      <c r="G15" s="374"/>
      <c r="H15" s="375"/>
      <c r="I15" s="376"/>
      <c r="J15" s="374"/>
      <c r="K15" s="375"/>
      <c r="L15" s="377">
        <v>0</v>
      </c>
      <c r="M15" s="53" t="s">
        <v>151</v>
      </c>
      <c r="N15" s="695"/>
      <c r="O15" s="696"/>
      <c r="P15" s="18"/>
      <c r="Q15" s="19"/>
      <c r="R15" s="278"/>
    </row>
    <row r="16" spans="1:18" ht="27.75" customHeight="1" x14ac:dyDescent="0.2">
      <c r="A16" s="400">
        <v>11</v>
      </c>
      <c r="B16" s="9"/>
      <c r="C16" s="373">
        <v>0</v>
      </c>
      <c r="D16" s="374"/>
      <c r="E16" s="375"/>
      <c r="F16" s="376"/>
      <c r="G16" s="374"/>
      <c r="H16" s="375"/>
      <c r="I16" s="376"/>
      <c r="J16" s="374"/>
      <c r="K16" s="375"/>
      <c r="L16" s="377">
        <v>0</v>
      </c>
      <c r="M16" s="53" t="s">
        <v>151</v>
      </c>
      <c r="N16" s="695"/>
      <c r="O16" s="696"/>
      <c r="P16" s="18"/>
      <c r="Q16" s="19"/>
      <c r="R16" s="278"/>
    </row>
    <row r="17" spans="1:18" ht="27.75" customHeight="1" thickBot="1" x14ac:dyDescent="0.25">
      <c r="A17" s="400">
        <v>12</v>
      </c>
      <c r="B17" s="9"/>
      <c r="C17" s="373">
        <v>0</v>
      </c>
      <c r="D17" s="374"/>
      <c r="E17" s="375"/>
      <c r="F17" s="376"/>
      <c r="G17" s="374"/>
      <c r="H17" s="375"/>
      <c r="I17" s="376"/>
      <c r="J17" s="374"/>
      <c r="K17" s="375"/>
      <c r="L17" s="377">
        <v>0</v>
      </c>
      <c r="M17" s="53" t="s">
        <v>151</v>
      </c>
      <c r="N17" s="705"/>
      <c r="O17" s="706"/>
      <c r="P17" s="18"/>
      <c r="Q17" s="276"/>
      <c r="R17" s="278"/>
    </row>
    <row r="18" spans="1:18" ht="27.75" customHeight="1" thickBot="1" x14ac:dyDescent="0.25">
      <c r="A18" s="675" t="s">
        <v>330</v>
      </c>
      <c r="B18" s="676"/>
      <c r="C18" s="420"/>
      <c r="D18" s="421"/>
      <c r="E18" s="422"/>
      <c r="F18" s="144"/>
      <c r="G18" s="141"/>
      <c r="H18" s="143"/>
      <c r="I18" s="144"/>
      <c r="J18" s="141"/>
      <c r="K18" s="143"/>
      <c r="L18" s="145"/>
      <c r="M18" s="912" t="s">
        <v>398</v>
      </c>
      <c r="N18" s="910"/>
      <c r="O18" s="910"/>
      <c r="P18" s="910"/>
      <c r="Q18" s="910"/>
      <c r="R18" s="424"/>
    </row>
    <row r="19" spans="1:18" ht="27.75" customHeight="1" thickBot="1" x14ac:dyDescent="0.25">
      <c r="A19" s="707" t="s">
        <v>353</v>
      </c>
      <c r="B19" s="674"/>
      <c r="C19" s="420"/>
      <c r="D19" s="421"/>
      <c r="E19" s="422"/>
      <c r="F19" s="142"/>
      <c r="G19" s="141"/>
      <c r="H19" s="143"/>
      <c r="I19" s="144"/>
      <c r="J19" s="141"/>
      <c r="K19" s="143"/>
      <c r="L19" s="145"/>
      <c r="M19" s="913"/>
      <c r="N19" s="911"/>
      <c r="O19" s="911"/>
      <c r="P19" s="911"/>
      <c r="Q19" s="911"/>
      <c r="R19" s="424"/>
    </row>
    <row r="20" spans="1:18" ht="27.75" customHeight="1" thickBot="1" x14ac:dyDescent="0.25">
      <c r="A20" s="673" t="s">
        <v>140</v>
      </c>
      <c r="B20" s="674"/>
      <c r="C20" s="420">
        <v>0</v>
      </c>
      <c r="D20" s="421"/>
      <c r="E20" s="422"/>
      <c r="F20" s="142"/>
      <c r="G20" s="141"/>
      <c r="H20" s="143"/>
      <c r="I20" s="144"/>
      <c r="J20" s="141"/>
      <c r="K20" s="143"/>
      <c r="L20" s="145"/>
      <c r="M20" s="913"/>
      <c r="N20" s="911"/>
      <c r="O20" s="911"/>
      <c r="P20" s="911"/>
      <c r="Q20" s="911"/>
      <c r="R20" s="424"/>
    </row>
    <row r="21" spans="1:18" ht="16.2" x14ac:dyDescent="0.2">
      <c r="A21" s="293"/>
      <c r="M21" s="500"/>
      <c r="N21" s="500"/>
      <c r="O21" s="500"/>
      <c r="P21" s="500"/>
      <c r="Q21" s="500"/>
      <c r="R21" s="500"/>
    </row>
    <row r="34" spans="7:17" x14ac:dyDescent="0.2">
      <c r="L34" s="332"/>
      <c r="M34" s="332"/>
      <c r="O34" s="332"/>
      <c r="P34" s="332"/>
      <c r="Q34" s="332"/>
    </row>
    <row r="44" spans="7:17" x14ac:dyDescent="0.2">
      <c r="G44" s="529"/>
    </row>
  </sheetData>
  <mergeCells count="23">
    <mergeCell ref="M18:Q20"/>
    <mergeCell ref="N14:O14"/>
    <mergeCell ref="M4:N4"/>
    <mergeCell ref="O3:Q4"/>
    <mergeCell ref="A3:L4"/>
    <mergeCell ref="C5:L5"/>
    <mergeCell ref="A5:B5"/>
    <mergeCell ref="N16:O16"/>
    <mergeCell ref="A20:B20"/>
    <mergeCell ref="M3:N3"/>
    <mergeCell ref="N5:O5"/>
    <mergeCell ref="N6:O6"/>
    <mergeCell ref="N7:O7"/>
    <mergeCell ref="N8:O8"/>
    <mergeCell ref="N9:O9"/>
    <mergeCell ref="N17:O17"/>
    <mergeCell ref="N11:O11"/>
    <mergeCell ref="N10:O10"/>
    <mergeCell ref="N15:O15"/>
    <mergeCell ref="A18:B18"/>
    <mergeCell ref="A19:B19"/>
    <mergeCell ref="N12:O12"/>
    <mergeCell ref="N13:O13"/>
  </mergeCells>
  <phoneticPr fontId="2"/>
  <dataValidations count="5">
    <dataValidation type="textLength" allowBlank="1" showInputMessage="1" showErrorMessage="1" errorTitle="入力値エラー" error="100文字以内で入力してください｡" sqref="A18 B6:B17" xr:uid="{00000000-0002-0000-0600-000000000000}">
      <formula1>0</formula1>
      <formula2>100</formula2>
    </dataValidation>
    <dataValidation type="textLength" allowBlank="1" showInputMessage="1" showErrorMessage="1" errorTitle="入力値エラー" error="50文字以内で入力してください｡" sqref="Q6:R17" xr:uid="{00000000-0002-0000-0600-000001000000}">
      <formula1>0</formula1>
      <formula2>50</formula2>
    </dataValidation>
    <dataValidation type="textLength" allowBlank="1" showInputMessage="1" showErrorMessage="1" errorTitle="入力値エラー" error="25文字以内で入力してください｡" sqref="P6:P17" xr:uid="{00000000-0002-0000-0600-000002000000}">
      <formula1>0</formula1>
      <formula2>25</formula2>
    </dataValidation>
    <dataValidation type="textLength" allowBlank="1" showInputMessage="1" showErrorMessage="1" errorTitle="入力値エラー" error="60文字以内で入力してください｡" sqref="M6:O17" xr:uid="{00000000-0002-0000-0600-000003000000}">
      <formula1>0</formula1>
      <formula2>60</formula2>
    </dataValidation>
    <dataValidation type="whole" imeMode="disabled" allowBlank="1" showInputMessage="1" showErrorMessage="1" errorTitle="入力値エラー" error="数字を入力してください。_x000a_もしくは、12桁以内で入力してください。" sqref="C7:F7" xr:uid="{00000000-0002-0000-0600-000004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R44"/>
  <sheetViews>
    <sheetView showZeros="0" view="pageBreakPreview" topLeftCell="A10" zoomScale="130" zoomScaleNormal="100" zoomScaleSheetLayoutView="130" workbookViewId="0">
      <selection activeCell="N29" sqref="N29"/>
    </sheetView>
  </sheetViews>
  <sheetFormatPr defaultColWidth="9" defaultRowHeight="14.4" x14ac:dyDescent="0.2"/>
  <cols>
    <col min="1" max="1" width="3.59765625" style="296" customWidth="1"/>
    <col min="2" max="2" width="20.19921875" style="296" customWidth="1"/>
    <col min="3" max="12" width="2.3984375" style="296" customWidth="1"/>
    <col min="13" max="13" width="8.59765625" style="296" customWidth="1"/>
    <col min="14" max="14" width="9.59765625" style="296" customWidth="1"/>
    <col min="15" max="15" width="24.09765625" style="296" customWidth="1"/>
    <col min="16" max="16" width="4.69921875" style="296" customWidth="1"/>
    <col min="17" max="17" width="16.3984375" style="296" customWidth="1"/>
    <col min="18" max="18" width="9.59765625" style="296" customWidth="1"/>
    <col min="19" max="16384" width="9" style="296"/>
  </cols>
  <sheetData>
    <row r="1" spans="1:18" ht="13.5" customHeight="1" x14ac:dyDescent="0.2">
      <c r="A1" s="293"/>
      <c r="B1" s="293"/>
      <c r="C1" s="293"/>
      <c r="D1" s="293"/>
      <c r="E1" s="293"/>
      <c r="F1" s="293"/>
      <c r="G1" s="293"/>
      <c r="H1" s="293"/>
      <c r="I1" s="293"/>
      <c r="J1" s="293"/>
      <c r="K1" s="293"/>
      <c r="L1" s="293"/>
      <c r="M1" s="293"/>
      <c r="N1" s="293"/>
      <c r="O1" s="293"/>
      <c r="P1" s="293"/>
      <c r="Q1" s="293"/>
      <c r="R1" s="295" t="s">
        <v>111</v>
      </c>
    </row>
    <row r="2" spans="1:18" ht="13.5" customHeight="1" thickBot="1" x14ac:dyDescent="0.25">
      <c r="A2" s="293"/>
      <c r="B2" s="297"/>
      <c r="C2" s="297"/>
      <c r="D2" s="297"/>
      <c r="E2" s="297"/>
      <c r="F2" s="297"/>
      <c r="G2" s="297"/>
      <c r="H2" s="297"/>
      <c r="I2" s="297"/>
      <c r="J2" s="297"/>
      <c r="K2" s="297"/>
      <c r="L2" s="297"/>
      <c r="M2" s="297"/>
      <c r="N2" s="297"/>
      <c r="O2" s="297"/>
      <c r="P2" s="297"/>
      <c r="Q2" s="293"/>
      <c r="R2" s="297"/>
    </row>
    <row r="3" spans="1:18" ht="25.5" customHeight="1" x14ac:dyDescent="0.2">
      <c r="A3" s="715" t="s">
        <v>149</v>
      </c>
      <c r="B3" s="716"/>
      <c r="C3" s="716"/>
      <c r="D3" s="716"/>
      <c r="E3" s="716"/>
      <c r="F3" s="716"/>
      <c r="G3" s="716"/>
      <c r="H3" s="716"/>
      <c r="I3" s="716"/>
      <c r="J3" s="716"/>
      <c r="K3" s="716"/>
      <c r="L3" s="716"/>
      <c r="M3" s="717"/>
      <c r="N3" s="697" t="s">
        <v>341</v>
      </c>
      <c r="O3" s="725"/>
      <c r="P3" s="710" t="s">
        <v>237</v>
      </c>
      <c r="Q3" s="711"/>
      <c r="R3" s="712"/>
    </row>
    <row r="4" spans="1:18" ht="15" customHeight="1" thickBot="1" x14ac:dyDescent="0.25">
      <c r="A4" s="718"/>
      <c r="B4" s="719"/>
      <c r="C4" s="719"/>
      <c r="D4" s="719"/>
      <c r="E4" s="719"/>
      <c r="F4" s="719"/>
      <c r="G4" s="719"/>
      <c r="H4" s="719"/>
      <c r="I4" s="719"/>
      <c r="J4" s="719"/>
      <c r="K4" s="719"/>
      <c r="L4" s="719"/>
      <c r="M4" s="720"/>
      <c r="N4" s="726" t="s">
        <v>340</v>
      </c>
      <c r="O4" s="709"/>
      <c r="P4" s="713"/>
      <c r="Q4" s="713"/>
      <c r="R4" s="714"/>
    </row>
    <row r="5" spans="1:18" s="499" customFormat="1" ht="36.75" customHeight="1" thickBot="1" x14ac:dyDescent="0.25">
      <c r="A5" s="729" t="s">
        <v>244</v>
      </c>
      <c r="B5" s="730"/>
      <c r="C5" s="721" t="s">
        <v>46</v>
      </c>
      <c r="D5" s="722"/>
      <c r="E5" s="722"/>
      <c r="F5" s="722"/>
      <c r="G5" s="722"/>
      <c r="H5" s="722"/>
      <c r="I5" s="722"/>
      <c r="J5" s="722"/>
      <c r="K5" s="722"/>
      <c r="L5" s="723"/>
      <c r="M5" s="434" t="s">
        <v>152</v>
      </c>
      <c r="N5" s="489" t="s">
        <v>153</v>
      </c>
      <c r="O5" s="699" t="s">
        <v>245</v>
      </c>
      <c r="P5" s="724"/>
      <c r="Q5" s="495" t="s">
        <v>243</v>
      </c>
      <c r="R5" s="407" t="s">
        <v>350</v>
      </c>
    </row>
    <row r="6" spans="1:18" ht="27.75" customHeight="1" x14ac:dyDescent="0.2">
      <c r="A6" s="392" t="s">
        <v>117</v>
      </c>
      <c r="B6" s="117"/>
      <c r="C6" s="491"/>
      <c r="D6" s="409"/>
      <c r="E6" s="410"/>
      <c r="F6" s="492"/>
      <c r="G6" s="199"/>
      <c r="H6" s="200"/>
      <c r="I6" s="492"/>
      <c r="J6" s="199"/>
      <c r="K6" s="200"/>
      <c r="L6" s="493"/>
      <c r="M6" s="53" t="s">
        <v>151</v>
      </c>
      <c r="N6" s="54" t="s">
        <v>157</v>
      </c>
      <c r="O6" s="701"/>
      <c r="P6" s="702"/>
      <c r="Q6" s="138"/>
      <c r="R6" s="12"/>
    </row>
    <row r="7" spans="1:18" ht="27.75" customHeight="1" x14ac:dyDescent="0.2">
      <c r="A7" s="372" t="s">
        <v>139</v>
      </c>
      <c r="B7" s="9"/>
      <c r="C7" s="415"/>
      <c r="D7" s="122"/>
      <c r="E7" s="416"/>
      <c r="F7" s="417"/>
      <c r="G7" s="122"/>
      <c r="H7" s="416"/>
      <c r="I7" s="417"/>
      <c r="J7" s="122"/>
      <c r="K7" s="416"/>
      <c r="L7" s="430"/>
      <c r="M7" s="53" t="s">
        <v>151</v>
      </c>
      <c r="N7" s="54" t="s">
        <v>157</v>
      </c>
      <c r="O7" s="727"/>
      <c r="P7" s="728"/>
      <c r="Q7" s="13"/>
      <c r="R7" s="13"/>
    </row>
    <row r="8" spans="1:18" ht="27.75" customHeight="1" x14ac:dyDescent="0.2">
      <c r="A8" s="372" t="s">
        <v>119</v>
      </c>
      <c r="B8" s="9"/>
      <c r="C8" s="373">
        <v>0</v>
      </c>
      <c r="D8" s="374"/>
      <c r="E8" s="375"/>
      <c r="F8" s="376"/>
      <c r="G8" s="374"/>
      <c r="H8" s="375"/>
      <c r="I8" s="376"/>
      <c r="J8" s="374"/>
      <c r="K8" s="375"/>
      <c r="L8" s="377">
        <v>0</v>
      </c>
      <c r="M8" s="53" t="s">
        <v>151</v>
      </c>
      <c r="N8" s="54" t="s">
        <v>157</v>
      </c>
      <c r="O8" s="727"/>
      <c r="P8" s="728"/>
      <c r="Q8" s="13"/>
      <c r="R8" s="13"/>
    </row>
    <row r="9" spans="1:18" ht="27.75" customHeight="1" x14ac:dyDescent="0.2">
      <c r="A9" s="372" t="s">
        <v>121</v>
      </c>
      <c r="B9" s="9"/>
      <c r="C9" s="373">
        <v>0</v>
      </c>
      <c r="D9" s="374"/>
      <c r="E9" s="375"/>
      <c r="F9" s="376"/>
      <c r="G9" s="374"/>
      <c r="H9" s="375"/>
      <c r="I9" s="376"/>
      <c r="J9" s="374"/>
      <c r="K9" s="375"/>
      <c r="L9" s="377">
        <v>0</v>
      </c>
      <c r="M9" s="53" t="s">
        <v>151</v>
      </c>
      <c r="N9" s="54" t="s">
        <v>157</v>
      </c>
      <c r="O9" s="727"/>
      <c r="P9" s="728"/>
      <c r="Q9" s="13"/>
      <c r="R9" s="13"/>
    </row>
    <row r="10" spans="1:18" ht="27.75" customHeight="1" x14ac:dyDescent="0.2">
      <c r="A10" s="372" t="s">
        <v>123</v>
      </c>
      <c r="B10" s="9"/>
      <c r="C10" s="373">
        <v>0</v>
      </c>
      <c r="D10" s="374"/>
      <c r="E10" s="375"/>
      <c r="F10" s="376"/>
      <c r="G10" s="374"/>
      <c r="H10" s="375"/>
      <c r="I10" s="376"/>
      <c r="J10" s="374"/>
      <c r="K10" s="375"/>
      <c r="L10" s="377">
        <v>0</v>
      </c>
      <c r="M10" s="53" t="s">
        <v>151</v>
      </c>
      <c r="N10" s="54" t="s">
        <v>157</v>
      </c>
      <c r="O10" s="727"/>
      <c r="P10" s="728"/>
      <c r="Q10" s="13"/>
      <c r="R10" s="13"/>
    </row>
    <row r="11" spans="1:18" ht="27.75" customHeight="1" x14ac:dyDescent="0.2">
      <c r="A11" s="372" t="s">
        <v>125</v>
      </c>
      <c r="B11" s="9"/>
      <c r="C11" s="373">
        <v>0</v>
      </c>
      <c r="D11" s="374"/>
      <c r="E11" s="375"/>
      <c r="F11" s="376"/>
      <c r="G11" s="374"/>
      <c r="H11" s="375"/>
      <c r="I11" s="376"/>
      <c r="J11" s="374"/>
      <c r="K11" s="375"/>
      <c r="L11" s="377">
        <v>0</v>
      </c>
      <c r="M11" s="53" t="s">
        <v>151</v>
      </c>
      <c r="N11" s="54" t="s">
        <v>157</v>
      </c>
      <c r="O11" s="727"/>
      <c r="P11" s="728"/>
      <c r="Q11" s="13"/>
      <c r="R11" s="13"/>
    </row>
    <row r="12" spans="1:18" ht="27.75" customHeight="1" x14ac:dyDescent="0.2">
      <c r="A12" s="372" t="s">
        <v>127</v>
      </c>
      <c r="B12" s="9"/>
      <c r="C12" s="373">
        <v>0</v>
      </c>
      <c r="D12" s="374"/>
      <c r="E12" s="375"/>
      <c r="F12" s="376"/>
      <c r="G12" s="374"/>
      <c r="H12" s="375"/>
      <c r="I12" s="376"/>
      <c r="J12" s="374"/>
      <c r="K12" s="375"/>
      <c r="L12" s="377">
        <v>0</v>
      </c>
      <c r="M12" s="53" t="s">
        <v>151</v>
      </c>
      <c r="N12" s="54" t="s">
        <v>157</v>
      </c>
      <c r="O12" s="727"/>
      <c r="P12" s="728"/>
      <c r="Q12" s="13"/>
      <c r="R12" s="13"/>
    </row>
    <row r="13" spans="1:18" ht="27.75" customHeight="1" x14ac:dyDescent="0.2">
      <c r="A13" s="372" t="s">
        <v>129</v>
      </c>
      <c r="B13" s="9"/>
      <c r="C13" s="373">
        <v>0</v>
      </c>
      <c r="D13" s="374"/>
      <c r="E13" s="375"/>
      <c r="F13" s="376"/>
      <c r="G13" s="374"/>
      <c r="H13" s="375"/>
      <c r="I13" s="376"/>
      <c r="J13" s="374"/>
      <c r="K13" s="375"/>
      <c r="L13" s="377">
        <v>0</v>
      </c>
      <c r="M13" s="53" t="s">
        <v>151</v>
      </c>
      <c r="N13" s="54" t="s">
        <v>157</v>
      </c>
      <c r="O13" s="727"/>
      <c r="P13" s="728"/>
      <c r="Q13" s="13"/>
      <c r="R13" s="13"/>
    </row>
    <row r="14" spans="1:18" ht="27.75" customHeight="1" x14ac:dyDescent="0.2">
      <c r="A14" s="372" t="s">
        <v>131</v>
      </c>
      <c r="B14" s="9"/>
      <c r="C14" s="373">
        <v>0</v>
      </c>
      <c r="D14" s="374"/>
      <c r="E14" s="375"/>
      <c r="F14" s="376"/>
      <c r="G14" s="374"/>
      <c r="H14" s="375"/>
      <c r="I14" s="376"/>
      <c r="J14" s="374"/>
      <c r="K14" s="375"/>
      <c r="L14" s="377">
        <v>0</v>
      </c>
      <c r="M14" s="53" t="s">
        <v>151</v>
      </c>
      <c r="N14" s="54" t="s">
        <v>157</v>
      </c>
      <c r="O14" s="727"/>
      <c r="P14" s="728"/>
      <c r="Q14" s="13"/>
      <c r="R14" s="13"/>
    </row>
    <row r="15" spans="1:18" ht="27.75" customHeight="1" x14ac:dyDescent="0.2">
      <c r="A15" s="400">
        <v>10</v>
      </c>
      <c r="B15" s="9"/>
      <c r="C15" s="373">
        <v>0</v>
      </c>
      <c r="D15" s="374"/>
      <c r="E15" s="375"/>
      <c r="F15" s="376"/>
      <c r="G15" s="374"/>
      <c r="H15" s="375"/>
      <c r="I15" s="376"/>
      <c r="J15" s="374"/>
      <c r="K15" s="375"/>
      <c r="L15" s="377">
        <v>0</v>
      </c>
      <c r="M15" s="53" t="s">
        <v>151</v>
      </c>
      <c r="N15" s="54" t="s">
        <v>157</v>
      </c>
      <c r="O15" s="727"/>
      <c r="P15" s="728"/>
      <c r="Q15" s="13"/>
      <c r="R15" s="13"/>
    </row>
    <row r="16" spans="1:18" ht="27.75" customHeight="1" x14ac:dyDescent="0.2">
      <c r="A16" s="400">
        <v>11</v>
      </c>
      <c r="B16" s="9"/>
      <c r="C16" s="373">
        <v>0</v>
      </c>
      <c r="D16" s="374"/>
      <c r="E16" s="375"/>
      <c r="F16" s="376"/>
      <c r="G16" s="374"/>
      <c r="H16" s="375"/>
      <c r="I16" s="376"/>
      <c r="J16" s="374"/>
      <c r="K16" s="375"/>
      <c r="L16" s="377">
        <v>0</v>
      </c>
      <c r="M16" s="53" t="s">
        <v>151</v>
      </c>
      <c r="N16" s="54" t="s">
        <v>157</v>
      </c>
      <c r="O16" s="727"/>
      <c r="P16" s="728"/>
      <c r="Q16" s="13"/>
      <c r="R16" s="13"/>
    </row>
    <row r="17" spans="1:18" ht="27.75" customHeight="1" thickBot="1" x14ac:dyDescent="0.25">
      <c r="A17" s="400">
        <v>12</v>
      </c>
      <c r="B17" s="9"/>
      <c r="C17" s="373">
        <v>0</v>
      </c>
      <c r="D17" s="374"/>
      <c r="E17" s="375"/>
      <c r="F17" s="376"/>
      <c r="G17" s="374"/>
      <c r="H17" s="375"/>
      <c r="I17" s="376"/>
      <c r="J17" s="374"/>
      <c r="K17" s="375"/>
      <c r="L17" s="377">
        <v>0</v>
      </c>
      <c r="M17" s="53" t="s">
        <v>151</v>
      </c>
      <c r="N17" s="54" t="s">
        <v>157</v>
      </c>
      <c r="O17" s="731"/>
      <c r="P17" s="732"/>
      <c r="Q17" s="13"/>
      <c r="R17" s="13"/>
    </row>
    <row r="18" spans="1:18" ht="27.75" customHeight="1" thickBot="1" x14ac:dyDescent="0.25">
      <c r="A18" s="675" t="s">
        <v>330</v>
      </c>
      <c r="B18" s="676"/>
      <c r="C18" s="420"/>
      <c r="D18" s="421"/>
      <c r="E18" s="422"/>
      <c r="F18" s="194"/>
      <c r="G18" s="195"/>
      <c r="H18" s="196"/>
      <c r="I18" s="194"/>
      <c r="J18" s="195"/>
      <c r="K18" s="196"/>
      <c r="L18" s="197"/>
      <c r="M18" s="912" t="s">
        <v>399</v>
      </c>
      <c r="N18" s="910"/>
      <c r="O18" s="910"/>
      <c r="P18" s="910"/>
      <c r="Q18" s="910"/>
      <c r="R18" s="910"/>
    </row>
    <row r="19" spans="1:18" ht="27.75" customHeight="1" thickBot="1" x14ac:dyDescent="0.25">
      <c r="A19" s="673" t="s">
        <v>146</v>
      </c>
      <c r="B19" s="674"/>
      <c r="C19" s="420"/>
      <c r="D19" s="421"/>
      <c r="E19" s="422"/>
      <c r="F19" s="423"/>
      <c r="G19" s="421"/>
      <c r="H19" s="422"/>
      <c r="I19" s="423"/>
      <c r="J19" s="421"/>
      <c r="K19" s="422"/>
      <c r="L19" s="197"/>
      <c r="M19" s="913"/>
      <c r="N19" s="911"/>
      <c r="O19" s="911"/>
      <c r="P19" s="911"/>
      <c r="Q19" s="911"/>
      <c r="R19" s="911"/>
    </row>
    <row r="20" spans="1:18" ht="27.75" customHeight="1" thickBot="1" x14ac:dyDescent="0.25">
      <c r="A20" s="673" t="s">
        <v>140</v>
      </c>
      <c r="B20" s="674"/>
      <c r="C20" s="420">
        <v>0</v>
      </c>
      <c r="D20" s="421"/>
      <c r="E20" s="422"/>
      <c r="F20" s="194"/>
      <c r="G20" s="195"/>
      <c r="H20" s="196"/>
      <c r="I20" s="194"/>
      <c r="J20" s="195"/>
      <c r="K20" s="196"/>
      <c r="L20" s="197"/>
      <c r="M20" s="913"/>
      <c r="N20" s="911"/>
      <c r="O20" s="911"/>
      <c r="P20" s="911"/>
      <c r="Q20" s="911"/>
      <c r="R20" s="911"/>
    </row>
    <row r="21" spans="1:18" x14ac:dyDescent="0.2">
      <c r="M21" s="500"/>
      <c r="N21" s="500"/>
      <c r="O21" s="500"/>
      <c r="P21" s="500"/>
      <c r="Q21" s="500"/>
      <c r="R21" s="500"/>
    </row>
    <row r="34" spans="7:17" x14ac:dyDescent="0.2">
      <c r="L34" s="332"/>
      <c r="M34" s="332"/>
      <c r="O34" s="332"/>
      <c r="P34" s="332"/>
      <c r="Q34" s="332"/>
    </row>
    <row r="44" spans="7:17" x14ac:dyDescent="0.2">
      <c r="G44" s="529"/>
    </row>
  </sheetData>
  <mergeCells count="23">
    <mergeCell ref="A19:B19"/>
    <mergeCell ref="A20:B20"/>
    <mergeCell ref="O16:P16"/>
    <mergeCell ref="O17:P17"/>
    <mergeCell ref="O7:P7"/>
    <mergeCell ref="A18:B18"/>
    <mergeCell ref="O15:P15"/>
    <mergeCell ref="M18:R20"/>
    <mergeCell ref="N3:O3"/>
    <mergeCell ref="A3:M4"/>
    <mergeCell ref="P3:R4"/>
    <mergeCell ref="N4:O4"/>
    <mergeCell ref="O14:P14"/>
    <mergeCell ref="A5:B5"/>
    <mergeCell ref="C5:L5"/>
    <mergeCell ref="O6:P6"/>
    <mergeCell ref="O8:P8"/>
    <mergeCell ref="O9:P9"/>
    <mergeCell ref="O5:P5"/>
    <mergeCell ref="O12:P12"/>
    <mergeCell ref="O13:P13"/>
    <mergeCell ref="O10:P10"/>
    <mergeCell ref="O11:P11"/>
  </mergeCells>
  <phoneticPr fontId="2"/>
  <dataValidations count="5">
    <dataValidation type="textLength" allowBlank="1" showInputMessage="1" showErrorMessage="1" errorTitle="入力値エラー" error="100文字以内で入力してください｡" sqref="A18 B6:B17" xr:uid="{00000000-0002-0000-0700-000000000000}">
      <formula1>0</formula1>
      <formula2>100</formula2>
    </dataValidation>
    <dataValidation type="textLength" allowBlank="1" showInputMessage="1" showErrorMessage="1" errorTitle="入力値エラー" error="50文字以内で入力してください｡" sqref="R6:R17" xr:uid="{00000000-0002-0000-0700-000001000000}">
      <formula1>0</formula1>
      <formula2>50</formula2>
    </dataValidation>
    <dataValidation type="textLength" allowBlank="1" showInputMessage="1" showErrorMessage="1" errorTitle="入力値エラー" error="25文字以内で入力してください｡" sqref="Q6:Q17" xr:uid="{00000000-0002-0000-0700-000002000000}">
      <formula1>0</formula1>
      <formula2>25</formula2>
    </dataValidation>
    <dataValidation type="textLength" allowBlank="1" showInputMessage="1" showErrorMessage="1" errorTitle="入力値エラー" error="60文字以内で入力してください｡" sqref="M6:P17" xr:uid="{00000000-0002-0000-0700-000003000000}">
      <formula1>0</formula1>
      <formula2>60</formula2>
    </dataValidation>
    <dataValidation type="whole" imeMode="disabled" allowBlank="1" showInputMessage="1" showErrorMessage="1" errorTitle="入力値エラー" error="数字を入力してください。_x000a_もしくは、12桁以内で入力してください。" sqref="C7:L7" xr:uid="{00000000-0002-0000-0700-000004000000}">
      <formula1>0</formula1>
      <formula2>999999999999</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Q44"/>
  <sheetViews>
    <sheetView showZeros="0" view="pageBreakPreview" topLeftCell="A10" zoomScale="115" zoomScaleNormal="85" zoomScaleSheetLayoutView="115" workbookViewId="0">
      <selection activeCell="I28" sqref="I28"/>
    </sheetView>
  </sheetViews>
  <sheetFormatPr defaultRowHeight="14.4" x14ac:dyDescent="0.2"/>
  <cols>
    <col min="1" max="1" width="3.59765625" style="333" customWidth="1"/>
    <col min="2" max="2" width="29.59765625" style="333" customWidth="1"/>
    <col min="3" max="12" width="3.5" style="296" customWidth="1"/>
    <col min="13" max="13" width="16.19921875" style="333" customWidth="1"/>
    <col min="14" max="14" width="36.19921875" style="333" customWidth="1"/>
    <col min="15" max="16384" width="8.796875" style="333"/>
  </cols>
  <sheetData>
    <row r="1" spans="1:14" ht="13.5" customHeight="1" x14ac:dyDescent="0.2">
      <c r="A1" s="293"/>
      <c r="B1" s="293"/>
      <c r="C1" s="293"/>
      <c r="D1" s="293"/>
      <c r="E1" s="293"/>
      <c r="F1" s="293"/>
      <c r="G1" s="293"/>
      <c r="H1" s="293"/>
      <c r="I1" s="293"/>
      <c r="J1" s="293"/>
      <c r="K1" s="293"/>
      <c r="L1" s="293"/>
      <c r="M1" s="293"/>
      <c r="N1" s="496" t="s">
        <v>112</v>
      </c>
    </row>
    <row r="2" spans="1:14" ht="13.5" customHeight="1" thickBot="1" x14ac:dyDescent="0.25">
      <c r="A2" s="293"/>
      <c r="B2" s="297"/>
      <c r="C2" s="297"/>
      <c r="D2" s="297"/>
      <c r="E2" s="297"/>
      <c r="F2" s="297"/>
      <c r="G2" s="297"/>
      <c r="H2" s="297"/>
      <c r="I2" s="297"/>
      <c r="J2" s="297"/>
      <c r="K2" s="297"/>
      <c r="L2" s="297"/>
      <c r="M2" s="297"/>
      <c r="N2" s="297"/>
    </row>
    <row r="3" spans="1:14" ht="25.5" customHeight="1" thickBot="1" x14ac:dyDescent="0.25">
      <c r="A3" s="306" t="s">
        <v>154</v>
      </c>
      <c r="B3" s="363"/>
      <c r="C3" s="404"/>
      <c r="D3" s="404"/>
      <c r="E3" s="404"/>
      <c r="F3" s="404"/>
      <c r="G3" s="404"/>
      <c r="H3" s="404"/>
      <c r="I3" s="404"/>
      <c r="J3" s="404"/>
      <c r="K3" s="404"/>
      <c r="L3" s="207"/>
      <c r="M3" s="207"/>
      <c r="N3" s="312"/>
    </row>
    <row r="4" spans="1:14" ht="25.5" customHeight="1" thickBot="1" x14ac:dyDescent="0.25">
      <c r="A4" s="673" t="s">
        <v>48</v>
      </c>
      <c r="B4" s="674"/>
      <c r="C4" s="721" t="s">
        <v>46</v>
      </c>
      <c r="D4" s="722"/>
      <c r="E4" s="722"/>
      <c r="F4" s="722"/>
      <c r="G4" s="722"/>
      <c r="H4" s="722"/>
      <c r="I4" s="722"/>
      <c r="J4" s="722"/>
      <c r="K4" s="722"/>
      <c r="L4" s="723"/>
      <c r="M4" s="289" t="s">
        <v>156</v>
      </c>
      <c r="N4" s="498" t="s">
        <v>143</v>
      </c>
    </row>
    <row r="5" spans="1:14" ht="30" customHeight="1" x14ac:dyDescent="0.2">
      <c r="A5" s="392" t="s">
        <v>117</v>
      </c>
      <c r="B5" s="137"/>
      <c r="C5" s="408"/>
      <c r="D5" s="409"/>
      <c r="E5" s="410"/>
      <c r="F5" s="411"/>
      <c r="G5" s="135"/>
      <c r="H5" s="136"/>
      <c r="I5" s="412"/>
      <c r="J5" s="135"/>
      <c r="K5" s="136"/>
      <c r="L5" s="413"/>
      <c r="M5" s="53" t="s">
        <v>232</v>
      </c>
      <c r="N5" s="138"/>
    </row>
    <row r="6" spans="1:14" ht="30" customHeight="1" x14ac:dyDescent="0.2">
      <c r="A6" s="372" t="s">
        <v>139</v>
      </c>
      <c r="B6" s="9"/>
      <c r="C6" s="415"/>
      <c r="D6" s="122"/>
      <c r="E6" s="416"/>
      <c r="F6" s="417"/>
      <c r="G6" s="122"/>
      <c r="H6" s="416"/>
      <c r="I6" s="417"/>
      <c r="J6" s="122"/>
      <c r="K6" s="416"/>
      <c r="L6" s="430"/>
      <c r="M6" s="53" t="s">
        <v>232</v>
      </c>
      <c r="N6" s="13"/>
    </row>
    <row r="7" spans="1:14" ht="30" customHeight="1" x14ac:dyDescent="0.2">
      <c r="A7" s="372" t="s">
        <v>119</v>
      </c>
      <c r="B7" s="9"/>
      <c r="C7" s="373">
        <v>0</v>
      </c>
      <c r="D7" s="374"/>
      <c r="E7" s="375"/>
      <c r="F7" s="376"/>
      <c r="G7" s="374"/>
      <c r="H7" s="375"/>
      <c r="I7" s="376"/>
      <c r="J7" s="374"/>
      <c r="K7" s="375"/>
      <c r="L7" s="377">
        <v>0</v>
      </c>
      <c r="M7" s="53" t="s">
        <v>155</v>
      </c>
      <c r="N7" s="13"/>
    </row>
    <row r="8" spans="1:14" ht="30" customHeight="1" x14ac:dyDescent="0.2">
      <c r="A8" s="372" t="s">
        <v>121</v>
      </c>
      <c r="B8" s="9"/>
      <c r="C8" s="373">
        <v>0</v>
      </c>
      <c r="D8" s="374"/>
      <c r="E8" s="375"/>
      <c r="F8" s="376"/>
      <c r="G8" s="374"/>
      <c r="H8" s="375"/>
      <c r="I8" s="376"/>
      <c r="J8" s="374"/>
      <c r="K8" s="375"/>
      <c r="L8" s="377">
        <v>0</v>
      </c>
      <c r="M8" s="53" t="s">
        <v>155</v>
      </c>
      <c r="N8" s="13"/>
    </row>
    <row r="9" spans="1:14" ht="30" customHeight="1" x14ac:dyDescent="0.2">
      <c r="A9" s="372" t="s">
        <v>123</v>
      </c>
      <c r="B9" s="9"/>
      <c r="C9" s="373">
        <v>0</v>
      </c>
      <c r="D9" s="374"/>
      <c r="E9" s="375"/>
      <c r="F9" s="376"/>
      <c r="G9" s="374"/>
      <c r="H9" s="375"/>
      <c r="I9" s="376"/>
      <c r="J9" s="374"/>
      <c r="K9" s="375"/>
      <c r="L9" s="377">
        <v>0</v>
      </c>
      <c r="M9" s="53" t="s">
        <v>155</v>
      </c>
      <c r="N9" s="13"/>
    </row>
    <row r="10" spans="1:14" ht="30" customHeight="1" x14ac:dyDescent="0.2">
      <c r="A10" s="372" t="s">
        <v>125</v>
      </c>
      <c r="B10" s="9"/>
      <c r="C10" s="373">
        <v>0</v>
      </c>
      <c r="D10" s="374"/>
      <c r="E10" s="375"/>
      <c r="F10" s="376"/>
      <c r="G10" s="374"/>
      <c r="H10" s="375"/>
      <c r="I10" s="376"/>
      <c r="J10" s="374"/>
      <c r="K10" s="375"/>
      <c r="L10" s="377">
        <v>0</v>
      </c>
      <c r="M10" s="53" t="s">
        <v>155</v>
      </c>
      <c r="N10" s="13"/>
    </row>
    <row r="11" spans="1:14" ht="30" customHeight="1" x14ac:dyDescent="0.2">
      <c r="A11" s="372" t="s">
        <v>127</v>
      </c>
      <c r="B11" s="9"/>
      <c r="C11" s="373">
        <v>0</v>
      </c>
      <c r="D11" s="374"/>
      <c r="E11" s="375"/>
      <c r="F11" s="376"/>
      <c r="G11" s="374"/>
      <c r="H11" s="375"/>
      <c r="I11" s="376"/>
      <c r="J11" s="374"/>
      <c r="K11" s="375"/>
      <c r="L11" s="377">
        <v>0</v>
      </c>
      <c r="M11" s="53" t="s">
        <v>155</v>
      </c>
      <c r="N11" s="13"/>
    </row>
    <row r="12" spans="1:14" ht="30" customHeight="1" x14ac:dyDescent="0.2">
      <c r="A12" s="372" t="s">
        <v>129</v>
      </c>
      <c r="B12" s="9"/>
      <c r="C12" s="373">
        <v>0</v>
      </c>
      <c r="D12" s="374"/>
      <c r="E12" s="375"/>
      <c r="F12" s="376"/>
      <c r="G12" s="374"/>
      <c r="H12" s="375"/>
      <c r="I12" s="376"/>
      <c r="J12" s="374"/>
      <c r="K12" s="375"/>
      <c r="L12" s="377">
        <v>0</v>
      </c>
      <c r="M12" s="53" t="s">
        <v>155</v>
      </c>
      <c r="N12" s="13"/>
    </row>
    <row r="13" spans="1:14" ht="30" customHeight="1" x14ac:dyDescent="0.2">
      <c r="A13" s="372" t="s">
        <v>131</v>
      </c>
      <c r="B13" s="9"/>
      <c r="C13" s="373">
        <v>0</v>
      </c>
      <c r="D13" s="374"/>
      <c r="E13" s="375"/>
      <c r="F13" s="376"/>
      <c r="G13" s="374"/>
      <c r="H13" s="375"/>
      <c r="I13" s="376"/>
      <c r="J13" s="374"/>
      <c r="K13" s="375"/>
      <c r="L13" s="377">
        <v>0</v>
      </c>
      <c r="M13" s="53" t="s">
        <v>155</v>
      </c>
      <c r="N13" s="13"/>
    </row>
    <row r="14" spans="1:14" ht="30" customHeight="1" x14ac:dyDescent="0.2">
      <c r="A14" s="400">
        <v>10</v>
      </c>
      <c r="B14" s="9"/>
      <c r="C14" s="373">
        <v>0</v>
      </c>
      <c r="D14" s="374"/>
      <c r="E14" s="375"/>
      <c r="F14" s="376"/>
      <c r="G14" s="374"/>
      <c r="H14" s="375"/>
      <c r="I14" s="376"/>
      <c r="J14" s="374"/>
      <c r="K14" s="375"/>
      <c r="L14" s="377">
        <v>0</v>
      </c>
      <c r="M14" s="53" t="s">
        <v>155</v>
      </c>
      <c r="N14" s="13"/>
    </row>
    <row r="15" spans="1:14" ht="30" customHeight="1" x14ac:dyDescent="0.2">
      <c r="A15" s="400">
        <v>11</v>
      </c>
      <c r="B15" s="9"/>
      <c r="C15" s="373">
        <v>0</v>
      </c>
      <c r="D15" s="374"/>
      <c r="E15" s="375"/>
      <c r="F15" s="376"/>
      <c r="G15" s="374"/>
      <c r="H15" s="375"/>
      <c r="I15" s="376"/>
      <c r="J15" s="374"/>
      <c r="K15" s="375"/>
      <c r="L15" s="377">
        <v>0</v>
      </c>
      <c r="M15" s="53" t="s">
        <v>155</v>
      </c>
      <c r="N15" s="13"/>
    </row>
    <row r="16" spans="1:14" ht="30" customHeight="1" thickBot="1" x14ac:dyDescent="0.25">
      <c r="A16" s="400">
        <v>12</v>
      </c>
      <c r="B16" s="9"/>
      <c r="C16" s="373">
        <v>0</v>
      </c>
      <c r="D16" s="374"/>
      <c r="E16" s="375"/>
      <c r="F16" s="376"/>
      <c r="G16" s="374"/>
      <c r="H16" s="375"/>
      <c r="I16" s="376"/>
      <c r="J16" s="374"/>
      <c r="K16" s="375"/>
      <c r="L16" s="377">
        <v>0</v>
      </c>
      <c r="M16" s="53" t="s">
        <v>155</v>
      </c>
      <c r="N16" s="13"/>
    </row>
    <row r="17" spans="1:14" ht="30" customHeight="1" thickBot="1" x14ac:dyDescent="0.25">
      <c r="A17" s="675" t="s">
        <v>330</v>
      </c>
      <c r="B17" s="676"/>
      <c r="C17" s="420"/>
      <c r="D17" s="421"/>
      <c r="E17" s="422"/>
      <c r="F17" s="423"/>
      <c r="G17" s="103"/>
      <c r="H17" s="104"/>
      <c r="I17" s="105"/>
      <c r="J17" s="103"/>
      <c r="K17" s="104"/>
      <c r="L17" s="106"/>
      <c r="M17" s="736" t="s">
        <v>400</v>
      </c>
      <c r="N17" s="671"/>
    </row>
    <row r="18" spans="1:14" ht="30" customHeight="1" thickBot="1" x14ac:dyDescent="0.25">
      <c r="A18" s="673" t="s">
        <v>140</v>
      </c>
      <c r="B18" s="674"/>
      <c r="C18" s="420">
        <v>0</v>
      </c>
      <c r="D18" s="421"/>
      <c r="E18" s="422"/>
      <c r="F18" s="423"/>
      <c r="G18" s="103"/>
      <c r="H18" s="104"/>
      <c r="I18" s="105"/>
      <c r="J18" s="103"/>
      <c r="K18" s="104"/>
      <c r="L18" s="106"/>
      <c r="M18" s="737"/>
      <c r="N18" s="672"/>
    </row>
    <row r="34" spans="7:17" x14ac:dyDescent="0.2">
      <c r="L34" s="332"/>
      <c r="M34" s="494"/>
      <c r="O34" s="494"/>
      <c r="P34" s="494"/>
      <c r="Q34" s="494"/>
    </row>
    <row r="44" spans="7:17" x14ac:dyDescent="0.2">
      <c r="G44" s="529"/>
    </row>
  </sheetData>
  <mergeCells count="5">
    <mergeCell ref="A18:B18"/>
    <mergeCell ref="A17:B17"/>
    <mergeCell ref="A4:B4"/>
    <mergeCell ref="C4:L4"/>
    <mergeCell ref="M17:N18"/>
  </mergeCells>
  <phoneticPr fontId="2"/>
  <dataValidations count="4">
    <dataValidation type="textLength" allowBlank="1" showInputMessage="1" showErrorMessage="1" errorTitle="入力値エラー" error="100文字以内で入力してください｡" sqref="A17 B5:B16" xr:uid="{00000000-0002-0000-0800-000000000000}">
      <formula1>0</formula1>
      <formula2>100</formula2>
    </dataValidation>
    <dataValidation type="textLength" allowBlank="1" showInputMessage="1" showErrorMessage="1" errorTitle="入力値エラー" error="50文字以内で入力してください｡" sqref="N8:N16" xr:uid="{00000000-0002-0000-0800-000001000000}">
      <formula1>0</formula1>
      <formula2>50</formula2>
    </dataValidation>
    <dataValidation type="whole" imeMode="disabled" allowBlank="1" showInputMessage="1" showErrorMessage="1" errorTitle="入力値エラー" error="数字を入力してください。_x000a_もしくは、12桁以内で入力してください。" sqref="C6:L6" xr:uid="{00000000-0002-0000-0800-000002000000}">
      <formula1>0</formula1>
      <formula2>999999999999</formula2>
    </dataValidation>
    <dataValidation type="textLength" allowBlank="1" showInputMessage="1" showErrorMessage="1" errorTitle="入力値エラー" error="60文字以内で入力してください｡" sqref="M5:M16" xr:uid="{00000000-0002-0000-0800-000003000000}">
      <formula1>0</formula1>
      <formula2>60</formula2>
    </dataValidation>
  </dataValidations>
  <printOptions horizontalCentered="1"/>
  <pageMargins left="0.59055118110236227" right="0.59055118110236227" top="0.78740157480314965" bottom="0.39370078740157483" header="0.51181102362204722" footer="0.51181102362204722"/>
  <pageSetup paperSize="9"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3</vt:i4>
      </vt:variant>
      <vt:variant>
        <vt:lpstr>名前付き一覧</vt:lpstr>
      </vt:variant>
      <vt:variant>
        <vt:i4>11</vt:i4>
      </vt:variant>
    </vt:vector>
  </HeadingPairs>
  <TitlesOfParts>
    <vt:vector size="44" baseType="lpstr">
      <vt:lpstr>1</vt:lpstr>
      <vt:lpstr>2</vt:lpstr>
      <vt:lpstr>3</vt:lpstr>
      <vt:lpstr>4</vt:lpstr>
      <vt:lpstr>5</vt:lpstr>
      <vt:lpstr>6</vt:lpstr>
      <vt:lpstr>7</vt:lpstr>
      <vt:lpstr>8</vt:lpstr>
      <vt:lpstr>9</vt:lpstr>
      <vt:lpstr>10</vt:lpstr>
      <vt:lpstr>11</vt:lpstr>
      <vt:lpstr>12</vt:lpstr>
      <vt:lpstr>13</vt:lpstr>
      <vt:lpstr>14 </vt:lpstr>
      <vt:lpstr>15  </vt:lpstr>
      <vt:lpstr>16</vt:lpstr>
      <vt:lpstr>17</vt:lpstr>
      <vt:lpstr>18(1)</vt:lpstr>
      <vt:lpstr>18(2)</vt:lpstr>
      <vt:lpstr>18(3)</vt:lpstr>
      <vt:lpstr>18(4)</vt:lpstr>
      <vt:lpstr>18(5)</vt:lpstr>
      <vt:lpstr>18(6)</vt:lpstr>
      <vt:lpstr>18(7)</vt:lpstr>
      <vt:lpstr>18(8)</vt:lpstr>
      <vt:lpstr>18(9)</vt:lpstr>
      <vt:lpstr>18(10)</vt:lpstr>
      <vt:lpstr>18(11)</vt:lpstr>
      <vt:lpstr>18(12)</vt:lpstr>
      <vt:lpstr>19 </vt:lpstr>
      <vt:lpstr>20</vt:lpstr>
      <vt:lpstr>徴難明細</vt:lpstr>
      <vt:lpstr>振込明細</vt:lpstr>
      <vt:lpstr>'1'!Print_Area</vt:lpstr>
      <vt:lpstr>'14 '!Print_Area</vt:lpstr>
      <vt:lpstr>'15  '!Print_Area</vt:lpstr>
      <vt:lpstr>'18(2)'!Print_Area</vt:lpstr>
      <vt:lpstr>'18(8)'!Print_Area</vt:lpstr>
      <vt:lpstr>'20'!Print_Area</vt:lpstr>
      <vt:lpstr>'3'!Print_Area</vt:lpstr>
      <vt:lpstr>'4'!Print_Area</vt:lpstr>
      <vt:lpstr>'6'!Print_Area</vt:lpstr>
      <vt:lpstr>'7'!Print_Area</vt:lpstr>
      <vt:lpstr>振込明細!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皆川　駿大</cp:lastModifiedBy>
  <cp:lastPrinted>2025-11-20T04:00:46Z</cp:lastPrinted>
  <dcterms:created xsi:type="dcterms:W3CDTF">2007-10-29T02:08:31Z</dcterms:created>
  <dcterms:modified xsi:type="dcterms:W3CDTF">2025-11-20T04:17:43Z</dcterms:modified>
</cp:coreProperties>
</file>